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3"/>
  </p:sldMasterIdLst>
  <p:notesMasterIdLst>
    <p:notesMasterId r:id="rId6"/>
  </p:notesMasterIdLst>
  <p:handoutMasterIdLst>
    <p:handoutMasterId r:id="rId7"/>
  </p:handoutMasterIdLst>
  <p:sldIdLst>
    <p:sldId id="271" r:id="rId4"/>
    <p:sldId id="288" r:id="rId5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11F1850E-7CB6-6153-BE0A-9FB7D5509596}" name="HEATHCOTE Paige -STAREL" initials="HPS" userId="S::paige.heathcote@opg.com::d10ca46f-e8f7-4c37-bc75-f892ae026a5c" providerId="AD"/>
  <p188:author id="{EA3E5976-11B5-6E13-165E-F1FCF8C39F12}" name="CELENTANO Nancy -STAREL" initials="CNS" userId="S::nancy.celentano@opg.com::c50044e0-2fae-4111-969e-c9ca0e831b32" providerId="AD"/>
  <p188:author id="{41378EC9-7040-05B5-F526-951731BD2894}" name="VANN Ratnak -BRANDMGMT" initials="VR-" userId="S::ratnak.vann@opg.com::424dc1b7-706c-4c3a-9b8d-70669c8458a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721"/>
    <a:srgbClr val="0D261F"/>
    <a:srgbClr val="F3F2E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76714"/>
  </p:normalViewPr>
  <p:slideViewPr>
    <p:cSldViewPr snapToGrid="0">
      <p:cViewPr varScale="1">
        <p:scale>
          <a:sx n="84" d="100"/>
          <a:sy n="84" d="100"/>
        </p:scale>
        <p:origin x="1494" y="7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134" d="100"/>
          <a:sy n="134" d="100"/>
        </p:scale>
        <p:origin x="5440" y="2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presProps" Target="presProps.xml"/><Relationship Id="rId3" Type="http://schemas.openxmlformats.org/officeDocument/2006/relationships/slideMaster" Target="slideMasters/slideMaster1.xml"/><Relationship Id="rId7" Type="http://schemas.openxmlformats.org/officeDocument/2006/relationships/handoutMaster" Target="handoutMasters/handoutMaster1.xml"/><Relationship Id="rId12" Type="http://schemas.microsoft.com/office/2018/10/relationships/authors" Target="author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notesMaster" Target="notesMasters/notesMaster1.xml"/><Relationship Id="rId11" Type="http://schemas.openxmlformats.org/officeDocument/2006/relationships/tableStyles" Target="tableStyles.xml"/><Relationship Id="rId5" Type="http://schemas.openxmlformats.org/officeDocument/2006/relationships/slide" Target="slides/slide2.xml"/><Relationship Id="rId10" Type="http://schemas.openxmlformats.org/officeDocument/2006/relationships/theme" Target="theme/theme1.xml"/><Relationship Id="rId4" Type="http://schemas.openxmlformats.org/officeDocument/2006/relationships/slide" Target="slides/slide1.xml"/><Relationship Id="rId9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814D9E0-DAE9-D847-9C92-51C40D2450B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54DAAAA-148B-C24C-A0A6-FBB2EED294B3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29984FC-5633-8747-8A9E-94CB760587BF}" type="datetimeFigureOut">
              <a:rPr lang="en-US" smtClean="0"/>
              <a:t>4/23/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5DF474B-ED71-684F-88A4-893A76A90CB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AF6578C-A8ED-1E43-B55F-DAB2CF56B3D2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B5F55DC-4054-9441-8DDA-0A0A568ED0A2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928658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 b="0" i="0">
                <a:latin typeface="PolySans Slim" pitchFamily="2" charset="77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 b="0" i="0">
                <a:latin typeface="PolySans Slim" pitchFamily="2" charset="77"/>
              </a:defRPr>
            </a:lvl1pPr>
          </a:lstStyle>
          <a:p>
            <a:fld id="{C8210C90-8407-DE4E-B0E5-FDAD30184122}" type="datetimeFigureOut">
              <a:rPr lang="en-US" smtClean="0"/>
              <a:pPr/>
              <a:t>4/23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 b="0" i="0">
                <a:latin typeface="PolySans Slim" pitchFamily="2" charset="77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 b="0" i="0">
                <a:latin typeface="PolySans Slim" pitchFamily="2" charset="77"/>
              </a:defRPr>
            </a:lvl1pPr>
          </a:lstStyle>
          <a:p>
            <a:fld id="{E593BDD1-CA2C-5049-AE62-6D273F95137E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8525438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b="0" i="0" kern="1200">
        <a:solidFill>
          <a:schemeClr val="tx1"/>
        </a:solidFill>
        <a:latin typeface="PolySans Slim" pitchFamily="2" charset="77"/>
        <a:ea typeface="+mn-ea"/>
        <a:cs typeface="+mn-cs"/>
      </a:defRPr>
    </a:lvl1pPr>
  </p:notesStyle>
</p:notesMaster>
</file>

<file path=ppt/slideLayouts/_rels/slideLayout1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openxmlformats.org/officeDocument/2006/relationships/image" Target="../media/image2.svg"/><Relationship Id="rId7" Type="http://schemas.openxmlformats.org/officeDocument/2006/relationships/image" Target="../media/image6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png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2.svg"/><Relationship Id="rId7" Type="http://schemas.openxmlformats.org/officeDocument/2006/relationships/image" Target="../media/image9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png"/><Relationship Id="rId5" Type="http://schemas.openxmlformats.org/officeDocument/2006/relationships/image" Target="../media/image4.svg"/><Relationship Id="rId4" Type="http://schemas.openxmlformats.org/officeDocument/2006/relationships/image" Target="../media/image3.png"/><Relationship Id="rId9" Type="http://schemas.openxmlformats.org/officeDocument/2006/relationships/image" Target="../media/image11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4.svg"/><Relationship Id="rId4" Type="http://schemas.openxmlformats.org/officeDocument/2006/relationships/image" Target="../media/image13.png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9_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7" name="Text Placeholder 3">
            <a:extLst>
              <a:ext uri="{FF2B5EF4-FFF2-40B4-BE49-F238E27FC236}">
                <a16:creationId xmlns:a16="http://schemas.microsoft.com/office/drawing/2014/main" id="{CDC974F2-D50F-4F46-98E5-FC926420997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56093" y="2126160"/>
            <a:ext cx="7312025" cy="2607659"/>
          </a:xfrm>
        </p:spPr>
        <p:txBody>
          <a:bodyPr anchor="t">
            <a:noAutofit/>
          </a:bodyPr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000" b="1" i="0">
                <a:solidFill>
                  <a:schemeClr val="bg1"/>
                </a:solidFill>
                <a:latin typeface="PolySans Bulky" pitchFamily="2" charset="77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Insert title here</a:t>
            </a:r>
            <a:br>
              <a:rPr lang="en-US" dirty="0"/>
            </a:br>
            <a:r>
              <a:rPr lang="en-US" dirty="0"/>
              <a:t>Insert title here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Insert title here</a:t>
            </a:r>
          </a:p>
        </p:txBody>
      </p:sp>
      <p:sp>
        <p:nvSpPr>
          <p:cNvPr id="69" name="Text Placeholder 5">
            <a:extLst>
              <a:ext uri="{FF2B5EF4-FFF2-40B4-BE49-F238E27FC236}">
                <a16:creationId xmlns:a16="http://schemas.microsoft.com/office/drawing/2014/main" id="{75800F17-62E9-0B4D-B9EA-25B9B12A78A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38715" y="4909928"/>
            <a:ext cx="7329403" cy="372269"/>
          </a:xfrm>
        </p:spPr>
        <p:txBody>
          <a:bodyPr>
            <a:normAutofit/>
          </a:bodyPr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CA" dirty="0">
                <a:latin typeface="PolySans Slim" pitchFamily="2" charset="77"/>
              </a:rPr>
              <a:t>Secondary title here</a:t>
            </a:r>
          </a:p>
        </p:txBody>
      </p:sp>
      <p:sp>
        <p:nvSpPr>
          <p:cNvPr id="70" name="Text Placeholder 7">
            <a:extLst>
              <a:ext uri="{FF2B5EF4-FFF2-40B4-BE49-F238E27FC236}">
                <a16:creationId xmlns:a16="http://schemas.microsoft.com/office/drawing/2014/main" id="{D0628FBA-7823-644D-9775-0B2649579813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8715" y="5519897"/>
            <a:ext cx="7329403" cy="428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CA" dirty="0">
                <a:latin typeface="PolySans Slim" pitchFamily="2" charset="77"/>
              </a:rPr>
              <a:t>Date • Presentation Name</a:t>
            </a:r>
          </a:p>
        </p:txBody>
      </p:sp>
      <p:sp>
        <p:nvSpPr>
          <p:cNvPr id="15" name="Triangle">
            <a:extLst>
              <a:ext uri="{FF2B5EF4-FFF2-40B4-BE49-F238E27FC236}">
                <a16:creationId xmlns:a16="http://schemas.microsoft.com/office/drawing/2014/main" id="{11FB6159-DCA3-514D-89BE-E89C30759C4A}"/>
              </a:ext>
            </a:extLst>
          </p:cNvPr>
          <p:cNvSpPr/>
          <p:nvPr userDrawn="1"/>
        </p:nvSpPr>
        <p:spPr>
          <a:xfrm rot="10800000">
            <a:off x="10667128" y="1524912"/>
            <a:ext cx="1524912" cy="152491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pic>
        <p:nvPicPr>
          <p:cNvPr id="17" name="Graphic 16">
            <a:extLst>
              <a:ext uri="{FF2B5EF4-FFF2-40B4-BE49-F238E27FC236}">
                <a16:creationId xmlns:a16="http://schemas.microsoft.com/office/drawing/2014/main" id="{4886D874-76F0-DD49-B0D3-605E862353C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rot="5400000">
            <a:off x="10670744" y="3048861"/>
            <a:ext cx="1521369" cy="1521369"/>
          </a:xfrm>
          <a:prstGeom prst="rect">
            <a:avLst/>
          </a:prstGeom>
        </p:spPr>
      </p:pic>
      <p:pic>
        <p:nvPicPr>
          <p:cNvPr id="18" name="Graphic 17">
            <a:extLst>
              <a:ext uri="{FF2B5EF4-FFF2-40B4-BE49-F238E27FC236}">
                <a16:creationId xmlns:a16="http://schemas.microsoft.com/office/drawing/2014/main" id="{EA01D871-BFF2-8D44-A4FF-EE118AF2646C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 rot="5400000">
            <a:off x="10670744" y="4572404"/>
            <a:ext cx="1521369" cy="1521369"/>
          </a:xfrm>
          <a:prstGeom prst="rect">
            <a:avLst/>
          </a:prstGeom>
        </p:spPr>
      </p:pic>
      <p:pic>
        <p:nvPicPr>
          <p:cNvPr id="19" name="Graphic 18">
            <a:extLst>
              <a:ext uri="{FF2B5EF4-FFF2-40B4-BE49-F238E27FC236}">
                <a16:creationId xmlns:a16="http://schemas.microsoft.com/office/drawing/2014/main" id="{7721E38D-AF5F-7F42-BD56-F4088A1CEDB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rcRect r="49649"/>
          <a:stretch/>
        </p:blipFill>
        <p:spPr>
          <a:xfrm rot="16200000" flipH="1">
            <a:off x="11049298" y="5711645"/>
            <a:ext cx="767804" cy="1524911"/>
          </a:xfrm>
          <a:prstGeom prst="rect">
            <a:avLst/>
          </a:prstGeom>
        </p:spPr>
      </p:pic>
      <p:sp>
        <p:nvSpPr>
          <p:cNvPr id="20" name="Triangle">
            <a:extLst>
              <a:ext uri="{FF2B5EF4-FFF2-40B4-BE49-F238E27FC236}">
                <a16:creationId xmlns:a16="http://schemas.microsoft.com/office/drawing/2014/main" id="{47E5F9A0-7B5A-2348-AA4E-04C3E2C02D15}"/>
              </a:ext>
            </a:extLst>
          </p:cNvPr>
          <p:cNvSpPr/>
          <p:nvPr userDrawn="1"/>
        </p:nvSpPr>
        <p:spPr>
          <a:xfrm rot="10800000">
            <a:off x="10676827" y="-7077"/>
            <a:ext cx="1524911" cy="1524910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accent1">
              <a:hueOff val="-342857"/>
              <a:satOff val="-34375"/>
              <a:lumOff val="34901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B0F6E911-4BBA-8841-AD75-84EE0FBCCAEA}"/>
              </a:ext>
            </a:extLst>
          </p:cNvPr>
          <p:cNvGrpSpPr/>
          <p:nvPr userDrawn="1"/>
        </p:nvGrpSpPr>
        <p:grpSpPr>
          <a:xfrm>
            <a:off x="628650" y="485775"/>
            <a:ext cx="3917948" cy="949325"/>
            <a:chOff x="628650" y="485775"/>
            <a:chExt cx="3917948" cy="949325"/>
          </a:xfrm>
        </p:grpSpPr>
        <p:sp>
          <p:nvSpPr>
            <p:cNvPr id="12" name="Shape">
              <a:extLst>
                <a:ext uri="{FF2B5EF4-FFF2-40B4-BE49-F238E27FC236}">
                  <a16:creationId xmlns:a16="http://schemas.microsoft.com/office/drawing/2014/main" id="{D93353EE-C187-DA4D-81C6-2041E4BC2EA3}"/>
                </a:ext>
              </a:extLst>
            </p:cNvPr>
            <p:cNvSpPr/>
            <p:nvPr userDrawn="1"/>
          </p:nvSpPr>
          <p:spPr>
            <a:xfrm>
              <a:off x="628650" y="576262"/>
              <a:ext cx="1122363" cy="70769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593" extrusionOk="0">
                  <a:moveTo>
                    <a:pt x="3361" y="0"/>
                  </a:moveTo>
                  <a:cubicBezTo>
                    <a:pt x="2734" y="0"/>
                    <a:pt x="2191" y="189"/>
                    <a:pt x="1711" y="569"/>
                  </a:cubicBezTo>
                  <a:cubicBezTo>
                    <a:pt x="1618" y="633"/>
                    <a:pt x="1531" y="715"/>
                    <a:pt x="1451" y="799"/>
                  </a:cubicBezTo>
                  <a:cubicBezTo>
                    <a:pt x="1091" y="1137"/>
                    <a:pt x="799" y="1600"/>
                    <a:pt x="573" y="2192"/>
                  </a:cubicBezTo>
                  <a:cubicBezTo>
                    <a:pt x="293" y="2889"/>
                    <a:pt x="137" y="3675"/>
                    <a:pt x="84" y="4541"/>
                  </a:cubicBezTo>
                  <a:cubicBezTo>
                    <a:pt x="71" y="4858"/>
                    <a:pt x="13" y="5239"/>
                    <a:pt x="0" y="5704"/>
                  </a:cubicBezTo>
                  <a:lnTo>
                    <a:pt x="2910" y="5619"/>
                  </a:lnTo>
                  <a:cubicBezTo>
                    <a:pt x="2910" y="4605"/>
                    <a:pt x="2945" y="3989"/>
                    <a:pt x="3025" y="3778"/>
                  </a:cubicBezTo>
                  <a:cubicBezTo>
                    <a:pt x="3105" y="3567"/>
                    <a:pt x="3229" y="3463"/>
                    <a:pt x="3376" y="3463"/>
                  </a:cubicBezTo>
                  <a:cubicBezTo>
                    <a:pt x="3549" y="3463"/>
                    <a:pt x="3661" y="3588"/>
                    <a:pt x="3727" y="3863"/>
                  </a:cubicBezTo>
                  <a:cubicBezTo>
                    <a:pt x="3781" y="4116"/>
                    <a:pt x="3827" y="4710"/>
                    <a:pt x="3827" y="5619"/>
                  </a:cubicBezTo>
                  <a:lnTo>
                    <a:pt x="6714" y="5534"/>
                  </a:lnTo>
                  <a:cubicBezTo>
                    <a:pt x="6700" y="5111"/>
                    <a:pt x="6666" y="4776"/>
                    <a:pt x="6653" y="4480"/>
                  </a:cubicBezTo>
                  <a:cubicBezTo>
                    <a:pt x="6599" y="3635"/>
                    <a:pt x="6426" y="2862"/>
                    <a:pt x="6133" y="2143"/>
                  </a:cubicBezTo>
                  <a:cubicBezTo>
                    <a:pt x="5893" y="1594"/>
                    <a:pt x="5596" y="1125"/>
                    <a:pt x="5263" y="787"/>
                  </a:cubicBezTo>
                  <a:cubicBezTo>
                    <a:pt x="5169" y="703"/>
                    <a:pt x="5066" y="617"/>
                    <a:pt x="4972" y="533"/>
                  </a:cubicBezTo>
                  <a:cubicBezTo>
                    <a:pt x="4493" y="174"/>
                    <a:pt x="3960" y="0"/>
                    <a:pt x="3361" y="0"/>
                  </a:cubicBezTo>
                  <a:close/>
                  <a:moveTo>
                    <a:pt x="18239" y="206"/>
                  </a:moveTo>
                  <a:cubicBezTo>
                    <a:pt x="17626" y="206"/>
                    <a:pt x="17102" y="428"/>
                    <a:pt x="16635" y="787"/>
                  </a:cubicBezTo>
                  <a:cubicBezTo>
                    <a:pt x="16555" y="872"/>
                    <a:pt x="16456" y="933"/>
                    <a:pt x="16376" y="1017"/>
                  </a:cubicBezTo>
                  <a:cubicBezTo>
                    <a:pt x="16016" y="1376"/>
                    <a:pt x="15739" y="1842"/>
                    <a:pt x="15513" y="2434"/>
                  </a:cubicBezTo>
                  <a:cubicBezTo>
                    <a:pt x="15366" y="2793"/>
                    <a:pt x="15256" y="3147"/>
                    <a:pt x="15177" y="3548"/>
                  </a:cubicBezTo>
                  <a:cubicBezTo>
                    <a:pt x="15137" y="3759"/>
                    <a:pt x="15104" y="3954"/>
                    <a:pt x="15077" y="4166"/>
                  </a:cubicBezTo>
                  <a:cubicBezTo>
                    <a:pt x="15051" y="4377"/>
                    <a:pt x="15022" y="4563"/>
                    <a:pt x="15008" y="4795"/>
                  </a:cubicBezTo>
                  <a:cubicBezTo>
                    <a:pt x="14995" y="4880"/>
                    <a:pt x="14991" y="4992"/>
                    <a:pt x="14978" y="5098"/>
                  </a:cubicBezTo>
                  <a:cubicBezTo>
                    <a:pt x="14951" y="5352"/>
                    <a:pt x="14924" y="5629"/>
                    <a:pt x="14924" y="5946"/>
                  </a:cubicBezTo>
                  <a:lnTo>
                    <a:pt x="14924" y="7011"/>
                  </a:lnTo>
                  <a:lnTo>
                    <a:pt x="14924" y="12703"/>
                  </a:lnTo>
                  <a:cubicBezTo>
                    <a:pt x="14924" y="13273"/>
                    <a:pt x="14924" y="13800"/>
                    <a:pt x="14924" y="14265"/>
                  </a:cubicBezTo>
                  <a:cubicBezTo>
                    <a:pt x="14924" y="14307"/>
                    <a:pt x="14924" y="14344"/>
                    <a:pt x="14924" y="14386"/>
                  </a:cubicBezTo>
                  <a:lnTo>
                    <a:pt x="14924" y="14471"/>
                  </a:lnTo>
                  <a:cubicBezTo>
                    <a:pt x="14938" y="15421"/>
                    <a:pt x="14951" y="16189"/>
                    <a:pt x="14978" y="16759"/>
                  </a:cubicBezTo>
                  <a:cubicBezTo>
                    <a:pt x="14978" y="16780"/>
                    <a:pt x="14978" y="16802"/>
                    <a:pt x="14978" y="16844"/>
                  </a:cubicBezTo>
                  <a:cubicBezTo>
                    <a:pt x="14978" y="16950"/>
                    <a:pt x="14993" y="17026"/>
                    <a:pt x="14993" y="17111"/>
                  </a:cubicBezTo>
                  <a:cubicBezTo>
                    <a:pt x="15047" y="17934"/>
                    <a:pt x="15219" y="18717"/>
                    <a:pt x="15513" y="19436"/>
                  </a:cubicBezTo>
                  <a:cubicBezTo>
                    <a:pt x="15672" y="19837"/>
                    <a:pt x="15857" y="20178"/>
                    <a:pt x="16070" y="20453"/>
                  </a:cubicBezTo>
                  <a:cubicBezTo>
                    <a:pt x="16110" y="20495"/>
                    <a:pt x="16154" y="20559"/>
                    <a:pt x="16208" y="20622"/>
                  </a:cubicBezTo>
                  <a:cubicBezTo>
                    <a:pt x="16234" y="20664"/>
                    <a:pt x="16273" y="20710"/>
                    <a:pt x="16299" y="20731"/>
                  </a:cubicBezTo>
                  <a:cubicBezTo>
                    <a:pt x="16419" y="20858"/>
                    <a:pt x="16523" y="20940"/>
                    <a:pt x="16643" y="21046"/>
                  </a:cubicBezTo>
                  <a:cubicBezTo>
                    <a:pt x="16710" y="21088"/>
                    <a:pt x="16775" y="21125"/>
                    <a:pt x="16842" y="21167"/>
                  </a:cubicBezTo>
                  <a:cubicBezTo>
                    <a:pt x="17015" y="21294"/>
                    <a:pt x="17207" y="21382"/>
                    <a:pt x="17407" y="21446"/>
                  </a:cubicBezTo>
                  <a:cubicBezTo>
                    <a:pt x="17553" y="21488"/>
                    <a:pt x="17696" y="21534"/>
                    <a:pt x="17842" y="21555"/>
                  </a:cubicBezTo>
                  <a:cubicBezTo>
                    <a:pt x="17855" y="21555"/>
                    <a:pt x="17884" y="21579"/>
                    <a:pt x="17911" y="21579"/>
                  </a:cubicBezTo>
                  <a:cubicBezTo>
                    <a:pt x="17951" y="21579"/>
                    <a:pt x="17978" y="21579"/>
                    <a:pt x="18018" y="21579"/>
                  </a:cubicBezTo>
                  <a:cubicBezTo>
                    <a:pt x="18098" y="21600"/>
                    <a:pt x="18175" y="21591"/>
                    <a:pt x="18255" y="21591"/>
                  </a:cubicBezTo>
                  <a:cubicBezTo>
                    <a:pt x="18335" y="21591"/>
                    <a:pt x="18404" y="21591"/>
                    <a:pt x="18484" y="21591"/>
                  </a:cubicBezTo>
                  <a:cubicBezTo>
                    <a:pt x="18564" y="21591"/>
                    <a:pt x="18646" y="21579"/>
                    <a:pt x="18713" y="21579"/>
                  </a:cubicBezTo>
                  <a:cubicBezTo>
                    <a:pt x="18873" y="21558"/>
                    <a:pt x="19042" y="21509"/>
                    <a:pt x="19202" y="21446"/>
                  </a:cubicBezTo>
                  <a:cubicBezTo>
                    <a:pt x="19375" y="21382"/>
                    <a:pt x="19548" y="21297"/>
                    <a:pt x="19721" y="21191"/>
                  </a:cubicBezTo>
                  <a:cubicBezTo>
                    <a:pt x="19774" y="21170"/>
                    <a:pt x="19828" y="21113"/>
                    <a:pt x="19881" y="21070"/>
                  </a:cubicBezTo>
                  <a:cubicBezTo>
                    <a:pt x="19935" y="21028"/>
                    <a:pt x="19979" y="20979"/>
                    <a:pt x="20019" y="20937"/>
                  </a:cubicBezTo>
                  <a:cubicBezTo>
                    <a:pt x="20046" y="20916"/>
                    <a:pt x="20067" y="20895"/>
                    <a:pt x="20080" y="20852"/>
                  </a:cubicBezTo>
                  <a:cubicBezTo>
                    <a:pt x="20107" y="20810"/>
                    <a:pt x="20145" y="20773"/>
                    <a:pt x="20172" y="20731"/>
                  </a:cubicBezTo>
                  <a:cubicBezTo>
                    <a:pt x="20198" y="20689"/>
                    <a:pt x="20214" y="20640"/>
                    <a:pt x="20240" y="20598"/>
                  </a:cubicBezTo>
                  <a:lnTo>
                    <a:pt x="20324" y="20683"/>
                  </a:lnTo>
                  <a:lnTo>
                    <a:pt x="20882" y="21300"/>
                  </a:lnTo>
                  <a:lnTo>
                    <a:pt x="21600" y="21300"/>
                  </a:lnTo>
                  <a:lnTo>
                    <a:pt x="21600" y="10172"/>
                  </a:lnTo>
                  <a:lnTo>
                    <a:pt x="18751" y="10172"/>
                  </a:lnTo>
                  <a:lnTo>
                    <a:pt x="18713" y="10172"/>
                  </a:lnTo>
                  <a:lnTo>
                    <a:pt x="18255" y="10172"/>
                  </a:lnTo>
                  <a:lnTo>
                    <a:pt x="18255" y="13284"/>
                  </a:lnTo>
                  <a:lnTo>
                    <a:pt x="18736" y="13284"/>
                  </a:lnTo>
                  <a:lnTo>
                    <a:pt x="18736" y="15294"/>
                  </a:lnTo>
                  <a:cubicBezTo>
                    <a:pt x="18736" y="16498"/>
                    <a:pt x="18705" y="17266"/>
                    <a:pt x="18652" y="17583"/>
                  </a:cubicBezTo>
                  <a:cubicBezTo>
                    <a:pt x="18598" y="17900"/>
                    <a:pt x="18470" y="18067"/>
                    <a:pt x="18270" y="18067"/>
                  </a:cubicBezTo>
                  <a:cubicBezTo>
                    <a:pt x="18123" y="18067"/>
                    <a:pt x="18016" y="17985"/>
                    <a:pt x="17949" y="17837"/>
                  </a:cubicBezTo>
                  <a:cubicBezTo>
                    <a:pt x="17936" y="17774"/>
                    <a:pt x="17909" y="17731"/>
                    <a:pt x="17896" y="17668"/>
                  </a:cubicBezTo>
                  <a:cubicBezTo>
                    <a:pt x="17882" y="17625"/>
                    <a:pt x="17888" y="17574"/>
                    <a:pt x="17888" y="17510"/>
                  </a:cubicBezTo>
                  <a:cubicBezTo>
                    <a:pt x="17875" y="17362"/>
                    <a:pt x="17855" y="17179"/>
                    <a:pt x="17842" y="16905"/>
                  </a:cubicBezTo>
                  <a:cubicBezTo>
                    <a:pt x="17842" y="16799"/>
                    <a:pt x="17835" y="16683"/>
                    <a:pt x="17835" y="16578"/>
                  </a:cubicBezTo>
                  <a:cubicBezTo>
                    <a:pt x="17821" y="16261"/>
                    <a:pt x="17819" y="15886"/>
                    <a:pt x="17819" y="15464"/>
                  </a:cubicBezTo>
                  <a:lnTo>
                    <a:pt x="17819" y="5812"/>
                  </a:lnTo>
                  <a:cubicBezTo>
                    <a:pt x="17819" y="5432"/>
                    <a:pt x="17829" y="5097"/>
                    <a:pt x="17842" y="4844"/>
                  </a:cubicBezTo>
                  <a:cubicBezTo>
                    <a:pt x="17842" y="4675"/>
                    <a:pt x="17859" y="4522"/>
                    <a:pt x="17873" y="4396"/>
                  </a:cubicBezTo>
                  <a:cubicBezTo>
                    <a:pt x="17873" y="4332"/>
                    <a:pt x="17888" y="4268"/>
                    <a:pt x="17888" y="4226"/>
                  </a:cubicBezTo>
                  <a:cubicBezTo>
                    <a:pt x="17901" y="4184"/>
                    <a:pt x="17898" y="4123"/>
                    <a:pt x="17911" y="4081"/>
                  </a:cubicBezTo>
                  <a:cubicBezTo>
                    <a:pt x="17924" y="4039"/>
                    <a:pt x="17928" y="4014"/>
                    <a:pt x="17941" y="3972"/>
                  </a:cubicBezTo>
                  <a:cubicBezTo>
                    <a:pt x="17968" y="3866"/>
                    <a:pt x="18018" y="3805"/>
                    <a:pt x="18071" y="3742"/>
                  </a:cubicBezTo>
                  <a:cubicBezTo>
                    <a:pt x="18125" y="3700"/>
                    <a:pt x="18188" y="3657"/>
                    <a:pt x="18255" y="3657"/>
                  </a:cubicBezTo>
                  <a:lnTo>
                    <a:pt x="18270" y="3657"/>
                  </a:lnTo>
                  <a:cubicBezTo>
                    <a:pt x="18297" y="3657"/>
                    <a:pt x="18335" y="3660"/>
                    <a:pt x="18362" y="3681"/>
                  </a:cubicBezTo>
                  <a:cubicBezTo>
                    <a:pt x="18481" y="3724"/>
                    <a:pt x="18566" y="3845"/>
                    <a:pt x="18606" y="4057"/>
                  </a:cubicBezTo>
                  <a:cubicBezTo>
                    <a:pt x="18659" y="4310"/>
                    <a:pt x="18682" y="4922"/>
                    <a:pt x="18682" y="5873"/>
                  </a:cubicBezTo>
                  <a:lnTo>
                    <a:pt x="18682" y="7580"/>
                  </a:lnTo>
                  <a:lnTo>
                    <a:pt x="18736" y="7580"/>
                  </a:lnTo>
                  <a:lnTo>
                    <a:pt x="21577" y="7580"/>
                  </a:lnTo>
                  <a:lnTo>
                    <a:pt x="21585" y="7580"/>
                  </a:lnTo>
                  <a:cubicBezTo>
                    <a:pt x="21585" y="7390"/>
                    <a:pt x="21585" y="7229"/>
                    <a:pt x="21585" y="7060"/>
                  </a:cubicBezTo>
                  <a:lnTo>
                    <a:pt x="21585" y="5861"/>
                  </a:lnTo>
                  <a:cubicBezTo>
                    <a:pt x="21585" y="5819"/>
                    <a:pt x="21585" y="5746"/>
                    <a:pt x="21585" y="5704"/>
                  </a:cubicBezTo>
                  <a:cubicBezTo>
                    <a:pt x="21571" y="5302"/>
                    <a:pt x="21537" y="4973"/>
                    <a:pt x="21524" y="4698"/>
                  </a:cubicBezTo>
                  <a:cubicBezTo>
                    <a:pt x="21470" y="3853"/>
                    <a:pt x="21297" y="3068"/>
                    <a:pt x="21004" y="2349"/>
                  </a:cubicBezTo>
                  <a:cubicBezTo>
                    <a:pt x="20778" y="1779"/>
                    <a:pt x="20482" y="1331"/>
                    <a:pt x="20149" y="993"/>
                  </a:cubicBezTo>
                  <a:cubicBezTo>
                    <a:pt x="20056" y="887"/>
                    <a:pt x="19958" y="802"/>
                    <a:pt x="19851" y="739"/>
                  </a:cubicBezTo>
                  <a:cubicBezTo>
                    <a:pt x="19411" y="401"/>
                    <a:pt x="18923" y="227"/>
                    <a:pt x="18377" y="206"/>
                  </a:cubicBezTo>
                  <a:cubicBezTo>
                    <a:pt x="18337" y="206"/>
                    <a:pt x="18279" y="206"/>
                    <a:pt x="18239" y="206"/>
                  </a:cubicBezTo>
                  <a:close/>
                  <a:moveTo>
                    <a:pt x="7997" y="424"/>
                  </a:moveTo>
                  <a:lnTo>
                    <a:pt x="7997" y="3512"/>
                  </a:lnTo>
                  <a:lnTo>
                    <a:pt x="7997" y="5498"/>
                  </a:lnTo>
                  <a:lnTo>
                    <a:pt x="10892" y="5413"/>
                  </a:lnTo>
                  <a:lnTo>
                    <a:pt x="10892" y="3936"/>
                  </a:lnTo>
                  <a:lnTo>
                    <a:pt x="12954" y="6212"/>
                  </a:lnTo>
                  <a:lnTo>
                    <a:pt x="10892" y="8477"/>
                  </a:lnTo>
                  <a:lnTo>
                    <a:pt x="10892" y="6999"/>
                  </a:lnTo>
                  <a:lnTo>
                    <a:pt x="7997" y="6914"/>
                  </a:lnTo>
                  <a:lnTo>
                    <a:pt x="7997" y="21022"/>
                  </a:lnTo>
                  <a:lnTo>
                    <a:pt x="10899" y="21022"/>
                  </a:lnTo>
                  <a:lnTo>
                    <a:pt x="10899" y="12315"/>
                  </a:lnTo>
                  <a:lnTo>
                    <a:pt x="11678" y="12315"/>
                  </a:lnTo>
                  <a:cubicBezTo>
                    <a:pt x="12318" y="12315"/>
                    <a:pt x="12821" y="12148"/>
                    <a:pt x="13221" y="11831"/>
                  </a:cubicBezTo>
                  <a:cubicBezTo>
                    <a:pt x="13608" y="11514"/>
                    <a:pt x="13884" y="11054"/>
                    <a:pt x="14031" y="10462"/>
                  </a:cubicBezTo>
                  <a:cubicBezTo>
                    <a:pt x="14031" y="10441"/>
                    <a:pt x="14046" y="10423"/>
                    <a:pt x="14046" y="10402"/>
                  </a:cubicBezTo>
                  <a:cubicBezTo>
                    <a:pt x="14166" y="9895"/>
                    <a:pt x="14231" y="9367"/>
                    <a:pt x="14245" y="8416"/>
                  </a:cubicBezTo>
                  <a:lnTo>
                    <a:pt x="14245" y="5728"/>
                  </a:lnTo>
                  <a:cubicBezTo>
                    <a:pt x="14245" y="4777"/>
                    <a:pt x="14206" y="4037"/>
                    <a:pt x="14153" y="3487"/>
                  </a:cubicBezTo>
                  <a:cubicBezTo>
                    <a:pt x="14153" y="3445"/>
                    <a:pt x="14138" y="3381"/>
                    <a:pt x="14138" y="3318"/>
                  </a:cubicBezTo>
                  <a:cubicBezTo>
                    <a:pt x="14058" y="2705"/>
                    <a:pt x="13923" y="2178"/>
                    <a:pt x="13710" y="1756"/>
                  </a:cubicBezTo>
                  <a:cubicBezTo>
                    <a:pt x="13497" y="1333"/>
                    <a:pt x="13182" y="995"/>
                    <a:pt x="12755" y="763"/>
                  </a:cubicBezTo>
                  <a:cubicBezTo>
                    <a:pt x="12316" y="530"/>
                    <a:pt x="11714" y="424"/>
                    <a:pt x="10915" y="424"/>
                  </a:cubicBezTo>
                  <a:lnTo>
                    <a:pt x="7997" y="424"/>
                  </a:lnTo>
                  <a:close/>
                  <a:moveTo>
                    <a:pt x="0" y="6757"/>
                  </a:moveTo>
                  <a:lnTo>
                    <a:pt x="0" y="12485"/>
                  </a:lnTo>
                  <a:cubicBezTo>
                    <a:pt x="0" y="14597"/>
                    <a:pt x="31" y="16084"/>
                    <a:pt x="84" y="16929"/>
                  </a:cubicBezTo>
                  <a:cubicBezTo>
                    <a:pt x="137" y="17774"/>
                    <a:pt x="310" y="18548"/>
                    <a:pt x="603" y="19266"/>
                  </a:cubicBezTo>
                  <a:cubicBezTo>
                    <a:pt x="883" y="19984"/>
                    <a:pt x="1269" y="20517"/>
                    <a:pt x="1749" y="20877"/>
                  </a:cubicBezTo>
                  <a:cubicBezTo>
                    <a:pt x="2229" y="21236"/>
                    <a:pt x="2761" y="21409"/>
                    <a:pt x="3361" y="21409"/>
                  </a:cubicBezTo>
                  <a:cubicBezTo>
                    <a:pt x="3987" y="21409"/>
                    <a:pt x="4544" y="21220"/>
                    <a:pt x="5010" y="20840"/>
                  </a:cubicBezTo>
                  <a:cubicBezTo>
                    <a:pt x="5490" y="20460"/>
                    <a:pt x="5869" y="19900"/>
                    <a:pt x="6149" y="19181"/>
                  </a:cubicBezTo>
                  <a:cubicBezTo>
                    <a:pt x="6428" y="18484"/>
                    <a:pt x="6584" y="17689"/>
                    <a:pt x="6637" y="16844"/>
                  </a:cubicBezTo>
                  <a:cubicBezTo>
                    <a:pt x="6691" y="15999"/>
                    <a:pt x="6714" y="14510"/>
                    <a:pt x="6714" y="12461"/>
                  </a:cubicBezTo>
                  <a:lnTo>
                    <a:pt x="6714" y="8973"/>
                  </a:lnTo>
                  <a:cubicBezTo>
                    <a:pt x="6714" y="8212"/>
                    <a:pt x="6719" y="7542"/>
                    <a:pt x="6706" y="6951"/>
                  </a:cubicBezTo>
                  <a:lnTo>
                    <a:pt x="3811" y="6866"/>
                  </a:lnTo>
                  <a:lnTo>
                    <a:pt x="3811" y="15173"/>
                  </a:lnTo>
                  <a:cubicBezTo>
                    <a:pt x="3811" y="16377"/>
                    <a:pt x="3781" y="17154"/>
                    <a:pt x="3727" y="17450"/>
                  </a:cubicBezTo>
                  <a:cubicBezTo>
                    <a:pt x="3674" y="17766"/>
                    <a:pt x="3547" y="17934"/>
                    <a:pt x="3361" y="17934"/>
                  </a:cubicBezTo>
                  <a:cubicBezTo>
                    <a:pt x="3161" y="17934"/>
                    <a:pt x="3040" y="17785"/>
                    <a:pt x="2986" y="17510"/>
                  </a:cubicBezTo>
                  <a:cubicBezTo>
                    <a:pt x="2933" y="17235"/>
                    <a:pt x="2910" y="16501"/>
                    <a:pt x="2910" y="15318"/>
                  </a:cubicBezTo>
                  <a:lnTo>
                    <a:pt x="2910" y="6830"/>
                  </a:lnTo>
                  <a:lnTo>
                    <a:pt x="0" y="6757"/>
                  </a:lnTo>
                  <a:close/>
                </a:path>
              </a:pathLst>
            </a:custGeom>
            <a:solidFill>
              <a:schemeClr val="accent1"/>
            </a:solidFill>
            <a:ln w="12700">
              <a:miter lim="400000"/>
            </a:ln>
          </p:spPr>
          <p:txBody>
            <a:bodyPr lIns="38100" tIns="38100" rIns="38100" bIns="38100" anchor="ctr"/>
            <a:lstStyle/>
            <a:p>
              <a:pPr algn="ctr" defTabSz="457200">
                <a:defRPr sz="3000">
                  <a:solidFill>
                    <a:srgbClr val="FFFFFF"/>
                  </a:solidFill>
                  <a:effectLst>
                    <a:outerShdw blurRad="38100" dist="12700" dir="5400000" rotWithShape="0">
                      <a:srgbClr val="000000">
                        <a:alpha val="50000"/>
                      </a:srgbClr>
                    </a:outerShdw>
                  </a:effectLst>
                  <a:latin typeface="Gill Sans"/>
                  <a:ea typeface="Gill Sans"/>
                  <a:cs typeface="Gill Sans"/>
                  <a:sym typeface="Gill Sans"/>
                </a:defRPr>
              </a:pPr>
              <a:endParaRPr b="0" i="0" dirty="0">
                <a:latin typeface="PolySans Slim" pitchFamily="2" charset="77"/>
              </a:endParaRPr>
            </a:p>
          </p:txBody>
        </p:sp>
        <p:pic>
          <p:nvPicPr>
            <p:cNvPr id="13" name="Picture 12" descr="A green and white neon text&#10;&#10;Description automatically generated">
              <a:extLst>
                <a:ext uri="{FF2B5EF4-FFF2-40B4-BE49-F238E27FC236}">
                  <a16:creationId xmlns:a16="http://schemas.microsoft.com/office/drawing/2014/main" id="{8B75E901-DC67-C64D-A424-9871FCA244D6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8"/>
            <a:srcRect l="39271"/>
            <a:stretch/>
          </p:blipFill>
          <p:spPr>
            <a:xfrm>
              <a:off x="2165349" y="485775"/>
              <a:ext cx="2381249" cy="949325"/>
            </a:xfrm>
            <a:prstGeom prst="rect">
              <a:avLst/>
            </a:prstGeom>
          </p:spPr>
        </p:pic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799C5181-C494-F545-98AD-6A08C067A7A5}"/>
                </a:ext>
              </a:extLst>
            </p:cNvPr>
            <p:cNvCxnSpPr/>
            <p:nvPr userDrawn="1"/>
          </p:nvCxnSpPr>
          <p:spPr>
            <a:xfrm>
              <a:off x="2114550" y="573087"/>
              <a:ext cx="0" cy="707692"/>
            </a:xfrm>
            <a:prstGeom prst="line">
              <a:avLst/>
            </a:prstGeom>
            <a:ln w="17145"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2029439491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6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Straight Connector 17">
            <a:extLst>
              <a:ext uri="{FF2B5EF4-FFF2-40B4-BE49-F238E27FC236}">
                <a16:creationId xmlns:a16="http://schemas.microsoft.com/office/drawing/2014/main" id="{34ED11C6-6FE5-A0F6-C33A-AEF91FFD33DD}"/>
              </a:ext>
            </a:extLst>
          </p:cNvPr>
          <p:cNvSpPr/>
          <p:nvPr userDrawn="1"/>
        </p:nvSpPr>
        <p:spPr>
          <a:xfrm flipH="1">
            <a:off x="4063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0" name="Straight Connector 20">
            <a:extLst>
              <a:ext uri="{FF2B5EF4-FFF2-40B4-BE49-F238E27FC236}">
                <a16:creationId xmlns:a16="http://schemas.microsoft.com/office/drawing/2014/main" id="{C8EA44E3-45C7-69BC-6255-9B54879D3B29}"/>
              </a:ext>
            </a:extLst>
          </p:cNvPr>
          <p:cNvSpPr/>
          <p:nvPr userDrawn="1"/>
        </p:nvSpPr>
        <p:spPr>
          <a:xfrm flipH="1">
            <a:off x="8127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4" name="Straight Connector 17">
            <a:extLst>
              <a:ext uri="{FF2B5EF4-FFF2-40B4-BE49-F238E27FC236}">
                <a16:creationId xmlns:a16="http://schemas.microsoft.com/office/drawing/2014/main" id="{E53B294F-5312-B966-1C72-BE5B40AD1A2D}"/>
              </a:ext>
            </a:extLst>
          </p:cNvPr>
          <p:cNvSpPr/>
          <p:nvPr userDrawn="1"/>
        </p:nvSpPr>
        <p:spPr>
          <a:xfrm flipH="1">
            <a:off x="4063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5" name="Line">
            <a:extLst>
              <a:ext uri="{FF2B5EF4-FFF2-40B4-BE49-F238E27FC236}">
                <a16:creationId xmlns:a16="http://schemas.microsoft.com/office/drawing/2014/main" id="{4926551C-160F-A7F1-B446-EACFD24A671C}"/>
              </a:ext>
            </a:extLst>
          </p:cNvPr>
          <p:cNvSpPr/>
          <p:nvPr userDrawn="1"/>
        </p:nvSpPr>
        <p:spPr>
          <a:xfrm flipV="1">
            <a:off x="8144192" y="-1"/>
            <a:ext cx="1" cy="6858002"/>
          </a:xfrm>
          <a:prstGeom prst="line">
            <a:avLst/>
          </a:prstGeom>
          <a:ln w="10795">
            <a:solidFill>
              <a:srgbClr val="FFFFFF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6" name="Line">
            <a:extLst>
              <a:ext uri="{FF2B5EF4-FFF2-40B4-BE49-F238E27FC236}">
                <a16:creationId xmlns:a16="http://schemas.microsoft.com/office/drawing/2014/main" id="{FBA22E6B-8FD3-8DC2-6361-E6D38D9259AB}"/>
              </a:ext>
            </a:extLst>
          </p:cNvPr>
          <p:cNvSpPr/>
          <p:nvPr userDrawn="1"/>
        </p:nvSpPr>
        <p:spPr>
          <a:xfrm flipV="1">
            <a:off x="4075750" y="-1"/>
            <a:ext cx="1" cy="6858002"/>
          </a:xfrm>
          <a:prstGeom prst="line">
            <a:avLst/>
          </a:prstGeom>
          <a:ln w="10795">
            <a:solidFill>
              <a:srgbClr val="FFFFFF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246695073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6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9D0FE00-3F6E-F786-E4A2-087F2D0006D9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-1" y="0"/>
            <a:ext cx="4039565" cy="6858000"/>
          </a:xfrm>
          <a:prstGeom prst="rect">
            <a:avLst/>
          </a:prstGeom>
          <a:blipFill>
            <a:blip r:embed="rId2">
              <a:alphaModFix amt="30373"/>
            </a:blip>
            <a:tile tx="0" ty="0" sx="100000" sy="100000" flip="none" algn="tl"/>
          </a:blipFill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F9E2B5CD-14A6-BA1C-9E06-38BDB3EF9275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4078148" y="0"/>
            <a:ext cx="4039565" cy="6858000"/>
          </a:xfrm>
          <a:prstGeom prst="rect">
            <a:avLst/>
          </a:prstGeom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9" name="Picture Placeholder 4">
            <a:extLst>
              <a:ext uri="{FF2B5EF4-FFF2-40B4-BE49-F238E27FC236}">
                <a16:creationId xmlns:a16="http://schemas.microsoft.com/office/drawing/2014/main" id="{BDDB41DA-AEAA-A1B4-E8A7-A7F647A74F49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8152438" y="0"/>
            <a:ext cx="4039565" cy="6858000"/>
          </a:xfrm>
          <a:prstGeom prst="rect">
            <a:avLst/>
          </a:prstGeom>
          <a:blipFill>
            <a:blip r:embed="rId2">
              <a:alphaModFix amt="30373"/>
            </a:blip>
            <a:tile tx="0" ty="0" sx="100000" sy="100000" flip="none" algn="tl"/>
          </a:blipFill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25" name="Line">
            <a:extLst>
              <a:ext uri="{FF2B5EF4-FFF2-40B4-BE49-F238E27FC236}">
                <a16:creationId xmlns:a16="http://schemas.microsoft.com/office/drawing/2014/main" id="{4926551C-160F-A7F1-B446-EACFD24A671C}"/>
              </a:ext>
            </a:extLst>
          </p:cNvPr>
          <p:cNvSpPr/>
          <p:nvPr userDrawn="1"/>
        </p:nvSpPr>
        <p:spPr>
          <a:xfrm flipV="1">
            <a:off x="8144192" y="-1"/>
            <a:ext cx="1" cy="6858002"/>
          </a:xfrm>
          <a:prstGeom prst="line">
            <a:avLst/>
          </a:prstGeom>
          <a:ln w="10795">
            <a:solidFill>
              <a:srgbClr val="FFFFFF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10" name="Rectangle 42">
            <a:extLst>
              <a:ext uri="{FF2B5EF4-FFF2-40B4-BE49-F238E27FC236}">
                <a16:creationId xmlns:a16="http://schemas.microsoft.com/office/drawing/2014/main" id="{9F4E2073-5518-B810-45C9-9F6344F63D71}"/>
              </a:ext>
            </a:extLst>
          </p:cNvPr>
          <p:cNvSpPr/>
          <p:nvPr userDrawn="1"/>
        </p:nvSpPr>
        <p:spPr>
          <a:xfrm>
            <a:off x="-1" y="4986806"/>
            <a:ext cx="4064000" cy="1871195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162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1" name="Rectangle 42">
            <a:extLst>
              <a:ext uri="{FF2B5EF4-FFF2-40B4-BE49-F238E27FC236}">
                <a16:creationId xmlns:a16="http://schemas.microsoft.com/office/drawing/2014/main" id="{09BE2E06-D6D5-9B36-1EF3-3A45554565F0}"/>
              </a:ext>
            </a:extLst>
          </p:cNvPr>
          <p:cNvSpPr/>
          <p:nvPr userDrawn="1"/>
        </p:nvSpPr>
        <p:spPr>
          <a:xfrm>
            <a:off x="-1" y="-2"/>
            <a:ext cx="4064000" cy="2934214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54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2" name="Rectangle 42">
            <a:extLst>
              <a:ext uri="{FF2B5EF4-FFF2-40B4-BE49-F238E27FC236}">
                <a16:creationId xmlns:a16="http://schemas.microsoft.com/office/drawing/2014/main" id="{55CC12F8-867E-9239-75A6-23F4B8E420DA}"/>
              </a:ext>
            </a:extLst>
          </p:cNvPr>
          <p:cNvSpPr/>
          <p:nvPr userDrawn="1"/>
        </p:nvSpPr>
        <p:spPr>
          <a:xfrm>
            <a:off x="4070351" y="4986806"/>
            <a:ext cx="4063999" cy="1871195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162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3" name="Rectangle 42">
            <a:extLst>
              <a:ext uri="{FF2B5EF4-FFF2-40B4-BE49-F238E27FC236}">
                <a16:creationId xmlns:a16="http://schemas.microsoft.com/office/drawing/2014/main" id="{C1D28C96-F679-8FED-9E8D-0C492F9E37B9}"/>
              </a:ext>
            </a:extLst>
          </p:cNvPr>
          <p:cNvSpPr/>
          <p:nvPr userDrawn="1"/>
        </p:nvSpPr>
        <p:spPr>
          <a:xfrm>
            <a:off x="4070351" y="-2"/>
            <a:ext cx="4063999" cy="2934214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54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6" name="Rectangle 42">
            <a:extLst>
              <a:ext uri="{FF2B5EF4-FFF2-40B4-BE49-F238E27FC236}">
                <a16:creationId xmlns:a16="http://schemas.microsoft.com/office/drawing/2014/main" id="{2A6899D2-16BE-4350-345B-DC1446B602A6}"/>
              </a:ext>
            </a:extLst>
          </p:cNvPr>
          <p:cNvSpPr/>
          <p:nvPr userDrawn="1"/>
        </p:nvSpPr>
        <p:spPr>
          <a:xfrm>
            <a:off x="8134350" y="4986806"/>
            <a:ext cx="4063999" cy="1871195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162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7" name="Rectangle 42">
            <a:extLst>
              <a:ext uri="{FF2B5EF4-FFF2-40B4-BE49-F238E27FC236}">
                <a16:creationId xmlns:a16="http://schemas.microsoft.com/office/drawing/2014/main" id="{1A8B9CB2-5BEF-1302-C6CA-17FB907E6B9D}"/>
              </a:ext>
            </a:extLst>
          </p:cNvPr>
          <p:cNvSpPr/>
          <p:nvPr userDrawn="1"/>
        </p:nvSpPr>
        <p:spPr>
          <a:xfrm>
            <a:off x="8134350" y="-2"/>
            <a:ext cx="4063999" cy="2934214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54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9" name="Straight Connector 17">
            <a:extLst>
              <a:ext uri="{FF2B5EF4-FFF2-40B4-BE49-F238E27FC236}">
                <a16:creationId xmlns:a16="http://schemas.microsoft.com/office/drawing/2014/main" id="{34ED11C6-6FE5-A0F6-C33A-AEF91FFD33DD}"/>
              </a:ext>
            </a:extLst>
          </p:cNvPr>
          <p:cNvSpPr/>
          <p:nvPr userDrawn="1"/>
        </p:nvSpPr>
        <p:spPr>
          <a:xfrm flipH="1">
            <a:off x="4063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0" name="Straight Connector 20">
            <a:extLst>
              <a:ext uri="{FF2B5EF4-FFF2-40B4-BE49-F238E27FC236}">
                <a16:creationId xmlns:a16="http://schemas.microsoft.com/office/drawing/2014/main" id="{C8EA44E3-45C7-69BC-6255-9B54879D3B29}"/>
              </a:ext>
            </a:extLst>
          </p:cNvPr>
          <p:cNvSpPr/>
          <p:nvPr userDrawn="1"/>
        </p:nvSpPr>
        <p:spPr>
          <a:xfrm flipH="1">
            <a:off x="8127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1" name="Title 6">
            <a:extLst>
              <a:ext uri="{FF2B5EF4-FFF2-40B4-BE49-F238E27FC236}">
                <a16:creationId xmlns:a16="http://schemas.microsoft.com/office/drawing/2014/main" id="{BFA668C7-D086-4130-8503-41C0AF52CD76}"/>
              </a:ext>
            </a:extLst>
          </p:cNvPr>
          <p:cNvSpPr txBox="1"/>
          <p:nvPr userDrawn="1"/>
        </p:nvSpPr>
        <p:spPr>
          <a:xfrm>
            <a:off x="628651" y="654305"/>
            <a:ext cx="2806701" cy="74789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>
            <a:lvl1pPr algn="ctr">
              <a:lnSpc>
                <a:spcPct val="90000"/>
              </a:lnSpc>
              <a:defRPr sz="5400">
                <a:solidFill>
                  <a:srgbClr val="FFFFFF"/>
                </a:solidFill>
                <a:latin typeface="Raleway ExtraBold"/>
                <a:ea typeface="Raleway ExtraBold"/>
                <a:cs typeface="Raleway ExtraBold"/>
                <a:sym typeface="Raleway ExtraBold"/>
              </a:defRPr>
            </a:lvl1pPr>
          </a:lstStyle>
          <a:p>
            <a:r>
              <a:rPr b="1" i="0" dirty="0">
                <a:latin typeface="PolySans Bulky" pitchFamily="2" charset="77"/>
              </a:rPr>
              <a:t>01</a:t>
            </a:r>
          </a:p>
        </p:txBody>
      </p:sp>
      <p:sp>
        <p:nvSpPr>
          <p:cNvPr id="22" name="Title 6">
            <a:extLst>
              <a:ext uri="{FF2B5EF4-FFF2-40B4-BE49-F238E27FC236}">
                <a16:creationId xmlns:a16="http://schemas.microsoft.com/office/drawing/2014/main" id="{DA208D09-A81A-F32C-8280-2BC95489793F}"/>
              </a:ext>
            </a:extLst>
          </p:cNvPr>
          <p:cNvSpPr txBox="1"/>
          <p:nvPr userDrawn="1"/>
        </p:nvSpPr>
        <p:spPr>
          <a:xfrm>
            <a:off x="4692651" y="654305"/>
            <a:ext cx="2806701" cy="74789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>
            <a:lvl1pPr algn="ctr">
              <a:lnSpc>
                <a:spcPct val="90000"/>
              </a:lnSpc>
              <a:defRPr sz="5400">
                <a:solidFill>
                  <a:srgbClr val="FFFFFF"/>
                </a:solidFill>
                <a:latin typeface="Raleway ExtraBold"/>
                <a:ea typeface="Raleway ExtraBold"/>
                <a:cs typeface="Raleway ExtraBold"/>
                <a:sym typeface="Raleway ExtraBold"/>
              </a:defRPr>
            </a:lvl1pPr>
          </a:lstStyle>
          <a:p>
            <a:r>
              <a:rPr b="1" i="0" dirty="0">
                <a:latin typeface="PolySans Bulky" pitchFamily="2" charset="77"/>
              </a:rPr>
              <a:t>02</a:t>
            </a:r>
          </a:p>
        </p:txBody>
      </p:sp>
      <p:sp>
        <p:nvSpPr>
          <p:cNvPr id="23" name="Title 6">
            <a:extLst>
              <a:ext uri="{FF2B5EF4-FFF2-40B4-BE49-F238E27FC236}">
                <a16:creationId xmlns:a16="http://schemas.microsoft.com/office/drawing/2014/main" id="{49AE8E27-DD82-5112-4391-7EBBEEC60509}"/>
              </a:ext>
            </a:extLst>
          </p:cNvPr>
          <p:cNvSpPr txBox="1"/>
          <p:nvPr userDrawn="1"/>
        </p:nvSpPr>
        <p:spPr>
          <a:xfrm>
            <a:off x="8756650" y="654305"/>
            <a:ext cx="2806701" cy="74789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>
            <a:lvl1pPr algn="ctr">
              <a:lnSpc>
                <a:spcPct val="90000"/>
              </a:lnSpc>
              <a:defRPr sz="5400">
                <a:solidFill>
                  <a:srgbClr val="FFFFFF"/>
                </a:solidFill>
                <a:latin typeface="Raleway ExtraBold"/>
                <a:ea typeface="Raleway ExtraBold"/>
                <a:cs typeface="Raleway ExtraBold"/>
                <a:sym typeface="Raleway ExtraBold"/>
              </a:defRPr>
            </a:lvl1pPr>
          </a:lstStyle>
          <a:p>
            <a:r>
              <a:rPr b="1" i="0" dirty="0">
                <a:latin typeface="PolySans Bulky" pitchFamily="2" charset="77"/>
              </a:rPr>
              <a:t>03</a:t>
            </a:r>
          </a:p>
        </p:txBody>
      </p:sp>
      <p:sp>
        <p:nvSpPr>
          <p:cNvPr id="24" name="Straight Connector 17">
            <a:extLst>
              <a:ext uri="{FF2B5EF4-FFF2-40B4-BE49-F238E27FC236}">
                <a16:creationId xmlns:a16="http://schemas.microsoft.com/office/drawing/2014/main" id="{E53B294F-5312-B966-1C72-BE5B40AD1A2D}"/>
              </a:ext>
            </a:extLst>
          </p:cNvPr>
          <p:cNvSpPr/>
          <p:nvPr userDrawn="1"/>
        </p:nvSpPr>
        <p:spPr>
          <a:xfrm flipH="1">
            <a:off x="4063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6" name="Line">
            <a:extLst>
              <a:ext uri="{FF2B5EF4-FFF2-40B4-BE49-F238E27FC236}">
                <a16:creationId xmlns:a16="http://schemas.microsoft.com/office/drawing/2014/main" id="{FBA22E6B-8FD3-8DC2-6361-E6D38D9259AB}"/>
              </a:ext>
            </a:extLst>
          </p:cNvPr>
          <p:cNvSpPr/>
          <p:nvPr userDrawn="1"/>
        </p:nvSpPr>
        <p:spPr>
          <a:xfrm flipV="1">
            <a:off x="4075750" y="-1"/>
            <a:ext cx="1" cy="6858002"/>
          </a:xfrm>
          <a:prstGeom prst="line">
            <a:avLst/>
          </a:prstGeom>
          <a:ln w="10795">
            <a:solidFill>
              <a:srgbClr val="FFFFFF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7" name="Shape">
            <a:extLst>
              <a:ext uri="{FF2B5EF4-FFF2-40B4-BE49-F238E27FC236}">
                <a16:creationId xmlns:a16="http://schemas.microsoft.com/office/drawing/2014/main" id="{1D394073-1B11-19A3-6720-262B3DA6C5E0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2" name="Прямоугольник 7">
            <a:extLst>
              <a:ext uri="{FF2B5EF4-FFF2-40B4-BE49-F238E27FC236}">
                <a16:creationId xmlns:a16="http://schemas.microsoft.com/office/drawing/2014/main" id="{7557F027-3A30-F7BF-79CE-7B95E1F15045}"/>
              </a:ext>
            </a:extLst>
          </p:cNvPr>
          <p:cNvSpPr/>
          <p:nvPr userDrawn="1"/>
        </p:nvSpPr>
        <p:spPr>
          <a:xfrm>
            <a:off x="4072084" y="6713999"/>
            <a:ext cx="4056907" cy="144001"/>
          </a:xfrm>
          <a:prstGeom prst="rect">
            <a:avLst/>
          </a:prstGeom>
          <a:solidFill>
            <a:schemeClr val="accent1"/>
          </a:soli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98241659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7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9D0FE00-3F6E-F786-E4A2-087F2D0006D9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-1" y="0"/>
            <a:ext cx="4039565" cy="6858000"/>
          </a:xfrm>
          <a:prstGeom prst="rect">
            <a:avLst/>
          </a:prstGeom>
          <a:blipFill>
            <a:blip r:embed="rId2">
              <a:alphaModFix amt="30373"/>
            </a:blip>
            <a:tile tx="0" ty="0" sx="100000" sy="100000" flip="none" algn="tl"/>
          </a:blipFill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F9E2B5CD-14A6-BA1C-9E06-38BDB3EF9275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4078148" y="0"/>
            <a:ext cx="4039565" cy="6858000"/>
          </a:xfrm>
          <a:prstGeom prst="rect">
            <a:avLst/>
          </a:prstGeom>
          <a:blipFill>
            <a:blip r:embed="rId2">
              <a:alphaModFix amt="30373"/>
            </a:blip>
            <a:tile tx="0" ty="0" sx="100000" sy="100000" flip="none" algn="tl"/>
          </a:blipFill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9" name="Picture Placeholder 4">
            <a:extLst>
              <a:ext uri="{FF2B5EF4-FFF2-40B4-BE49-F238E27FC236}">
                <a16:creationId xmlns:a16="http://schemas.microsoft.com/office/drawing/2014/main" id="{BDDB41DA-AEAA-A1B4-E8A7-A7F647A74F49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8152438" y="0"/>
            <a:ext cx="4039565" cy="6858000"/>
          </a:xfrm>
          <a:prstGeom prst="rect">
            <a:avLst/>
          </a:prstGeom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Rectangle 42">
            <a:extLst>
              <a:ext uri="{FF2B5EF4-FFF2-40B4-BE49-F238E27FC236}">
                <a16:creationId xmlns:a16="http://schemas.microsoft.com/office/drawing/2014/main" id="{9F4E2073-5518-B810-45C9-9F6344F63D71}"/>
              </a:ext>
            </a:extLst>
          </p:cNvPr>
          <p:cNvSpPr/>
          <p:nvPr userDrawn="1"/>
        </p:nvSpPr>
        <p:spPr>
          <a:xfrm>
            <a:off x="-1" y="4986806"/>
            <a:ext cx="4064000" cy="1871195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162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1" name="Rectangle 42">
            <a:extLst>
              <a:ext uri="{FF2B5EF4-FFF2-40B4-BE49-F238E27FC236}">
                <a16:creationId xmlns:a16="http://schemas.microsoft.com/office/drawing/2014/main" id="{09BE2E06-D6D5-9B36-1EF3-3A45554565F0}"/>
              </a:ext>
            </a:extLst>
          </p:cNvPr>
          <p:cNvSpPr/>
          <p:nvPr userDrawn="1"/>
        </p:nvSpPr>
        <p:spPr>
          <a:xfrm>
            <a:off x="-1" y="-2"/>
            <a:ext cx="4064000" cy="2934214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54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2" name="Rectangle 42">
            <a:extLst>
              <a:ext uri="{FF2B5EF4-FFF2-40B4-BE49-F238E27FC236}">
                <a16:creationId xmlns:a16="http://schemas.microsoft.com/office/drawing/2014/main" id="{55CC12F8-867E-9239-75A6-23F4B8E420DA}"/>
              </a:ext>
            </a:extLst>
          </p:cNvPr>
          <p:cNvSpPr/>
          <p:nvPr userDrawn="1"/>
        </p:nvSpPr>
        <p:spPr>
          <a:xfrm>
            <a:off x="4070351" y="4986806"/>
            <a:ext cx="4063999" cy="1871195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162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3" name="Rectangle 42">
            <a:extLst>
              <a:ext uri="{FF2B5EF4-FFF2-40B4-BE49-F238E27FC236}">
                <a16:creationId xmlns:a16="http://schemas.microsoft.com/office/drawing/2014/main" id="{C1D28C96-F679-8FED-9E8D-0C492F9E37B9}"/>
              </a:ext>
            </a:extLst>
          </p:cNvPr>
          <p:cNvSpPr/>
          <p:nvPr userDrawn="1"/>
        </p:nvSpPr>
        <p:spPr>
          <a:xfrm>
            <a:off x="4070351" y="-2"/>
            <a:ext cx="4063999" cy="2934214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54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6" name="Rectangle 42">
            <a:extLst>
              <a:ext uri="{FF2B5EF4-FFF2-40B4-BE49-F238E27FC236}">
                <a16:creationId xmlns:a16="http://schemas.microsoft.com/office/drawing/2014/main" id="{2A6899D2-16BE-4350-345B-DC1446B602A6}"/>
              </a:ext>
            </a:extLst>
          </p:cNvPr>
          <p:cNvSpPr/>
          <p:nvPr userDrawn="1"/>
        </p:nvSpPr>
        <p:spPr>
          <a:xfrm>
            <a:off x="8134350" y="4986806"/>
            <a:ext cx="4063999" cy="1871195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162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7" name="Rectangle 42">
            <a:extLst>
              <a:ext uri="{FF2B5EF4-FFF2-40B4-BE49-F238E27FC236}">
                <a16:creationId xmlns:a16="http://schemas.microsoft.com/office/drawing/2014/main" id="{1A8B9CB2-5BEF-1302-C6CA-17FB907E6B9D}"/>
              </a:ext>
            </a:extLst>
          </p:cNvPr>
          <p:cNvSpPr/>
          <p:nvPr userDrawn="1"/>
        </p:nvSpPr>
        <p:spPr>
          <a:xfrm>
            <a:off x="8134350" y="-2"/>
            <a:ext cx="4063999" cy="2934214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54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9" name="Straight Connector 17">
            <a:extLst>
              <a:ext uri="{FF2B5EF4-FFF2-40B4-BE49-F238E27FC236}">
                <a16:creationId xmlns:a16="http://schemas.microsoft.com/office/drawing/2014/main" id="{34ED11C6-6FE5-A0F6-C33A-AEF91FFD33DD}"/>
              </a:ext>
            </a:extLst>
          </p:cNvPr>
          <p:cNvSpPr/>
          <p:nvPr userDrawn="1"/>
        </p:nvSpPr>
        <p:spPr>
          <a:xfrm flipH="1">
            <a:off x="4063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0" name="Straight Connector 20">
            <a:extLst>
              <a:ext uri="{FF2B5EF4-FFF2-40B4-BE49-F238E27FC236}">
                <a16:creationId xmlns:a16="http://schemas.microsoft.com/office/drawing/2014/main" id="{C8EA44E3-45C7-69BC-6255-9B54879D3B29}"/>
              </a:ext>
            </a:extLst>
          </p:cNvPr>
          <p:cNvSpPr/>
          <p:nvPr userDrawn="1"/>
        </p:nvSpPr>
        <p:spPr>
          <a:xfrm flipH="1">
            <a:off x="8127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1" name="Title 6">
            <a:extLst>
              <a:ext uri="{FF2B5EF4-FFF2-40B4-BE49-F238E27FC236}">
                <a16:creationId xmlns:a16="http://schemas.microsoft.com/office/drawing/2014/main" id="{BFA668C7-D086-4130-8503-41C0AF52CD76}"/>
              </a:ext>
            </a:extLst>
          </p:cNvPr>
          <p:cNvSpPr txBox="1"/>
          <p:nvPr userDrawn="1"/>
        </p:nvSpPr>
        <p:spPr>
          <a:xfrm>
            <a:off x="628651" y="654305"/>
            <a:ext cx="2806701" cy="74789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>
            <a:lvl1pPr algn="ctr">
              <a:lnSpc>
                <a:spcPct val="90000"/>
              </a:lnSpc>
              <a:defRPr sz="5400">
                <a:solidFill>
                  <a:srgbClr val="FFFFFF"/>
                </a:solidFill>
                <a:latin typeface="Raleway ExtraBold"/>
                <a:ea typeface="Raleway ExtraBold"/>
                <a:cs typeface="Raleway ExtraBold"/>
                <a:sym typeface="Raleway ExtraBold"/>
              </a:defRPr>
            </a:lvl1pPr>
          </a:lstStyle>
          <a:p>
            <a:r>
              <a:rPr b="1" i="0" dirty="0">
                <a:latin typeface="PolySans Bulky" pitchFamily="2" charset="77"/>
              </a:rPr>
              <a:t>01</a:t>
            </a:r>
          </a:p>
        </p:txBody>
      </p:sp>
      <p:sp>
        <p:nvSpPr>
          <p:cNvPr id="22" name="Title 6">
            <a:extLst>
              <a:ext uri="{FF2B5EF4-FFF2-40B4-BE49-F238E27FC236}">
                <a16:creationId xmlns:a16="http://schemas.microsoft.com/office/drawing/2014/main" id="{DA208D09-A81A-F32C-8280-2BC95489793F}"/>
              </a:ext>
            </a:extLst>
          </p:cNvPr>
          <p:cNvSpPr txBox="1"/>
          <p:nvPr userDrawn="1"/>
        </p:nvSpPr>
        <p:spPr>
          <a:xfrm>
            <a:off x="4692651" y="654305"/>
            <a:ext cx="2806701" cy="74789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>
            <a:lvl1pPr algn="ctr">
              <a:lnSpc>
                <a:spcPct val="90000"/>
              </a:lnSpc>
              <a:defRPr sz="5400">
                <a:solidFill>
                  <a:srgbClr val="FFFFFF"/>
                </a:solidFill>
                <a:latin typeface="Raleway ExtraBold"/>
                <a:ea typeface="Raleway ExtraBold"/>
                <a:cs typeface="Raleway ExtraBold"/>
                <a:sym typeface="Raleway ExtraBold"/>
              </a:defRPr>
            </a:lvl1pPr>
          </a:lstStyle>
          <a:p>
            <a:r>
              <a:rPr b="1" i="0" dirty="0">
                <a:latin typeface="PolySans Bulky" pitchFamily="2" charset="77"/>
              </a:rPr>
              <a:t>02</a:t>
            </a:r>
          </a:p>
        </p:txBody>
      </p:sp>
      <p:sp>
        <p:nvSpPr>
          <p:cNvPr id="23" name="Title 6">
            <a:extLst>
              <a:ext uri="{FF2B5EF4-FFF2-40B4-BE49-F238E27FC236}">
                <a16:creationId xmlns:a16="http://schemas.microsoft.com/office/drawing/2014/main" id="{49AE8E27-DD82-5112-4391-7EBBEEC60509}"/>
              </a:ext>
            </a:extLst>
          </p:cNvPr>
          <p:cNvSpPr txBox="1"/>
          <p:nvPr userDrawn="1"/>
        </p:nvSpPr>
        <p:spPr>
          <a:xfrm>
            <a:off x="8756650" y="654305"/>
            <a:ext cx="2806701" cy="74789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0" tIns="0" rIns="0" bIns="0">
            <a:spAutoFit/>
          </a:bodyPr>
          <a:lstStyle>
            <a:lvl1pPr algn="ctr">
              <a:lnSpc>
                <a:spcPct val="90000"/>
              </a:lnSpc>
              <a:defRPr sz="5400">
                <a:solidFill>
                  <a:srgbClr val="FFFFFF"/>
                </a:solidFill>
                <a:latin typeface="Raleway ExtraBold"/>
                <a:ea typeface="Raleway ExtraBold"/>
                <a:cs typeface="Raleway ExtraBold"/>
                <a:sym typeface="Raleway ExtraBold"/>
              </a:defRPr>
            </a:lvl1pPr>
          </a:lstStyle>
          <a:p>
            <a:r>
              <a:rPr b="1" i="0" dirty="0">
                <a:latin typeface="PolySans Bulky" pitchFamily="2" charset="77"/>
              </a:rPr>
              <a:t>03</a:t>
            </a:r>
          </a:p>
        </p:txBody>
      </p:sp>
      <p:sp>
        <p:nvSpPr>
          <p:cNvPr id="24" name="Straight Connector 17">
            <a:extLst>
              <a:ext uri="{FF2B5EF4-FFF2-40B4-BE49-F238E27FC236}">
                <a16:creationId xmlns:a16="http://schemas.microsoft.com/office/drawing/2014/main" id="{E53B294F-5312-B966-1C72-BE5B40AD1A2D}"/>
              </a:ext>
            </a:extLst>
          </p:cNvPr>
          <p:cNvSpPr/>
          <p:nvPr userDrawn="1"/>
        </p:nvSpPr>
        <p:spPr>
          <a:xfrm flipH="1">
            <a:off x="4063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5" name="Line">
            <a:extLst>
              <a:ext uri="{FF2B5EF4-FFF2-40B4-BE49-F238E27FC236}">
                <a16:creationId xmlns:a16="http://schemas.microsoft.com/office/drawing/2014/main" id="{4926551C-160F-A7F1-B446-EACFD24A671C}"/>
              </a:ext>
            </a:extLst>
          </p:cNvPr>
          <p:cNvSpPr/>
          <p:nvPr userDrawn="1"/>
        </p:nvSpPr>
        <p:spPr>
          <a:xfrm flipV="1">
            <a:off x="8144192" y="-1"/>
            <a:ext cx="1" cy="6858002"/>
          </a:xfrm>
          <a:prstGeom prst="line">
            <a:avLst/>
          </a:prstGeom>
          <a:ln w="10795">
            <a:solidFill>
              <a:srgbClr val="FFFFFF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6" name="Line">
            <a:extLst>
              <a:ext uri="{FF2B5EF4-FFF2-40B4-BE49-F238E27FC236}">
                <a16:creationId xmlns:a16="http://schemas.microsoft.com/office/drawing/2014/main" id="{FBA22E6B-8FD3-8DC2-6361-E6D38D9259AB}"/>
              </a:ext>
            </a:extLst>
          </p:cNvPr>
          <p:cNvSpPr/>
          <p:nvPr userDrawn="1"/>
        </p:nvSpPr>
        <p:spPr>
          <a:xfrm flipV="1">
            <a:off x="4075750" y="-1"/>
            <a:ext cx="1" cy="6858002"/>
          </a:xfrm>
          <a:prstGeom prst="line">
            <a:avLst/>
          </a:prstGeom>
          <a:ln w="10795">
            <a:solidFill>
              <a:srgbClr val="FFFFFF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7" name="Shape">
            <a:extLst>
              <a:ext uri="{FF2B5EF4-FFF2-40B4-BE49-F238E27FC236}">
                <a16:creationId xmlns:a16="http://schemas.microsoft.com/office/drawing/2014/main" id="{1D394073-1B11-19A3-6720-262B3DA6C5E0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2" name="Прямоугольник 7">
            <a:extLst>
              <a:ext uri="{FF2B5EF4-FFF2-40B4-BE49-F238E27FC236}">
                <a16:creationId xmlns:a16="http://schemas.microsoft.com/office/drawing/2014/main" id="{7557F027-3A30-F7BF-79CE-7B95E1F15045}"/>
              </a:ext>
            </a:extLst>
          </p:cNvPr>
          <p:cNvSpPr/>
          <p:nvPr userDrawn="1"/>
        </p:nvSpPr>
        <p:spPr>
          <a:xfrm>
            <a:off x="8135093" y="6709332"/>
            <a:ext cx="4056907" cy="144001"/>
          </a:xfrm>
          <a:prstGeom prst="rect">
            <a:avLst/>
          </a:prstGeom>
          <a:solidFill>
            <a:schemeClr val="accent1"/>
          </a:soli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364166327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Shape">
            <a:extLst>
              <a:ext uri="{FF2B5EF4-FFF2-40B4-BE49-F238E27FC236}">
                <a16:creationId xmlns:a16="http://schemas.microsoft.com/office/drawing/2014/main" id="{B9B017B6-EB6A-A19A-1724-C2542F2CEDFE}"/>
              </a:ext>
            </a:extLst>
          </p:cNvPr>
          <p:cNvSpPr/>
          <p:nvPr userDrawn="1"/>
        </p:nvSpPr>
        <p:spPr>
          <a:xfrm>
            <a:off x="-5557" y="0"/>
            <a:ext cx="4880770" cy="6858000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16953" y="21600"/>
                </a:lnTo>
                <a:lnTo>
                  <a:pt x="16953" y="14016"/>
                </a:lnTo>
                <a:cubicBezTo>
                  <a:pt x="16988" y="13140"/>
                  <a:pt x="17497" y="12348"/>
                  <a:pt x="18310" y="11770"/>
                </a:cubicBezTo>
                <a:cubicBezTo>
                  <a:pt x="19152" y="11170"/>
                  <a:pt x="20315" y="10800"/>
                  <a:pt x="21600" y="10800"/>
                </a:cubicBezTo>
                <a:cubicBezTo>
                  <a:pt x="20315" y="10800"/>
                  <a:pt x="19152" y="10430"/>
                  <a:pt x="18310" y="9830"/>
                </a:cubicBezTo>
                <a:cubicBezTo>
                  <a:pt x="17497" y="9252"/>
                  <a:pt x="16988" y="8460"/>
                  <a:pt x="16953" y="7584"/>
                </a:cubicBezTo>
                <a:lnTo>
                  <a:pt x="16953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45" name="Shape">
            <a:extLst>
              <a:ext uri="{FF2B5EF4-FFF2-40B4-BE49-F238E27FC236}">
                <a16:creationId xmlns:a16="http://schemas.microsoft.com/office/drawing/2014/main" id="{0FB87F50-3225-6045-C665-E8F7B3816371}"/>
              </a:ext>
            </a:extLst>
          </p:cNvPr>
          <p:cNvSpPr/>
          <p:nvPr userDrawn="1"/>
        </p:nvSpPr>
        <p:spPr>
          <a:xfrm>
            <a:off x="628650" y="576262"/>
            <a:ext cx="1122363" cy="707692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593" extrusionOk="0">
                <a:moveTo>
                  <a:pt x="3361" y="0"/>
                </a:moveTo>
                <a:cubicBezTo>
                  <a:pt x="2734" y="0"/>
                  <a:pt x="2191" y="189"/>
                  <a:pt x="1711" y="569"/>
                </a:cubicBezTo>
                <a:cubicBezTo>
                  <a:pt x="1618" y="633"/>
                  <a:pt x="1531" y="715"/>
                  <a:pt x="1451" y="799"/>
                </a:cubicBezTo>
                <a:cubicBezTo>
                  <a:pt x="1091" y="1137"/>
                  <a:pt x="799" y="1600"/>
                  <a:pt x="573" y="2192"/>
                </a:cubicBezTo>
                <a:cubicBezTo>
                  <a:pt x="293" y="2889"/>
                  <a:pt x="137" y="3675"/>
                  <a:pt x="84" y="4541"/>
                </a:cubicBezTo>
                <a:cubicBezTo>
                  <a:pt x="71" y="4858"/>
                  <a:pt x="13" y="5239"/>
                  <a:pt x="0" y="5704"/>
                </a:cubicBezTo>
                <a:lnTo>
                  <a:pt x="2910" y="5619"/>
                </a:lnTo>
                <a:cubicBezTo>
                  <a:pt x="2910" y="4605"/>
                  <a:pt x="2945" y="3989"/>
                  <a:pt x="3025" y="3778"/>
                </a:cubicBezTo>
                <a:cubicBezTo>
                  <a:pt x="3105" y="3567"/>
                  <a:pt x="3229" y="3463"/>
                  <a:pt x="3376" y="3463"/>
                </a:cubicBezTo>
                <a:cubicBezTo>
                  <a:pt x="3549" y="3463"/>
                  <a:pt x="3661" y="3588"/>
                  <a:pt x="3727" y="3863"/>
                </a:cubicBezTo>
                <a:cubicBezTo>
                  <a:pt x="3781" y="4116"/>
                  <a:pt x="3827" y="4710"/>
                  <a:pt x="3827" y="5619"/>
                </a:cubicBezTo>
                <a:lnTo>
                  <a:pt x="6714" y="5534"/>
                </a:lnTo>
                <a:cubicBezTo>
                  <a:pt x="6700" y="5111"/>
                  <a:pt x="6666" y="4776"/>
                  <a:pt x="6653" y="4480"/>
                </a:cubicBezTo>
                <a:cubicBezTo>
                  <a:pt x="6599" y="3635"/>
                  <a:pt x="6426" y="2862"/>
                  <a:pt x="6133" y="2143"/>
                </a:cubicBezTo>
                <a:cubicBezTo>
                  <a:pt x="5893" y="1594"/>
                  <a:pt x="5596" y="1125"/>
                  <a:pt x="5263" y="787"/>
                </a:cubicBezTo>
                <a:cubicBezTo>
                  <a:pt x="5169" y="703"/>
                  <a:pt x="5066" y="617"/>
                  <a:pt x="4972" y="533"/>
                </a:cubicBezTo>
                <a:cubicBezTo>
                  <a:pt x="4493" y="174"/>
                  <a:pt x="3960" y="0"/>
                  <a:pt x="3361" y="0"/>
                </a:cubicBezTo>
                <a:close/>
                <a:moveTo>
                  <a:pt x="18239" y="206"/>
                </a:moveTo>
                <a:cubicBezTo>
                  <a:pt x="17626" y="206"/>
                  <a:pt x="17102" y="428"/>
                  <a:pt x="16635" y="787"/>
                </a:cubicBezTo>
                <a:cubicBezTo>
                  <a:pt x="16555" y="872"/>
                  <a:pt x="16456" y="933"/>
                  <a:pt x="16376" y="1017"/>
                </a:cubicBezTo>
                <a:cubicBezTo>
                  <a:pt x="16016" y="1376"/>
                  <a:pt x="15739" y="1842"/>
                  <a:pt x="15513" y="2434"/>
                </a:cubicBezTo>
                <a:cubicBezTo>
                  <a:pt x="15366" y="2793"/>
                  <a:pt x="15256" y="3147"/>
                  <a:pt x="15177" y="3548"/>
                </a:cubicBezTo>
                <a:cubicBezTo>
                  <a:pt x="15137" y="3759"/>
                  <a:pt x="15104" y="3954"/>
                  <a:pt x="15077" y="4166"/>
                </a:cubicBezTo>
                <a:cubicBezTo>
                  <a:pt x="15051" y="4377"/>
                  <a:pt x="15022" y="4563"/>
                  <a:pt x="15008" y="4795"/>
                </a:cubicBezTo>
                <a:cubicBezTo>
                  <a:pt x="14995" y="4880"/>
                  <a:pt x="14991" y="4992"/>
                  <a:pt x="14978" y="5098"/>
                </a:cubicBezTo>
                <a:cubicBezTo>
                  <a:pt x="14951" y="5352"/>
                  <a:pt x="14924" y="5629"/>
                  <a:pt x="14924" y="5946"/>
                </a:cubicBezTo>
                <a:lnTo>
                  <a:pt x="14924" y="7011"/>
                </a:lnTo>
                <a:lnTo>
                  <a:pt x="14924" y="12703"/>
                </a:lnTo>
                <a:cubicBezTo>
                  <a:pt x="14924" y="13273"/>
                  <a:pt x="14924" y="13800"/>
                  <a:pt x="14924" y="14265"/>
                </a:cubicBezTo>
                <a:cubicBezTo>
                  <a:pt x="14924" y="14307"/>
                  <a:pt x="14924" y="14344"/>
                  <a:pt x="14924" y="14386"/>
                </a:cubicBezTo>
                <a:lnTo>
                  <a:pt x="14924" y="14471"/>
                </a:lnTo>
                <a:cubicBezTo>
                  <a:pt x="14938" y="15421"/>
                  <a:pt x="14951" y="16189"/>
                  <a:pt x="14978" y="16759"/>
                </a:cubicBezTo>
                <a:cubicBezTo>
                  <a:pt x="14978" y="16780"/>
                  <a:pt x="14978" y="16802"/>
                  <a:pt x="14978" y="16844"/>
                </a:cubicBezTo>
                <a:cubicBezTo>
                  <a:pt x="14978" y="16950"/>
                  <a:pt x="14993" y="17026"/>
                  <a:pt x="14993" y="17111"/>
                </a:cubicBezTo>
                <a:cubicBezTo>
                  <a:pt x="15047" y="17934"/>
                  <a:pt x="15219" y="18717"/>
                  <a:pt x="15513" y="19436"/>
                </a:cubicBezTo>
                <a:cubicBezTo>
                  <a:pt x="15672" y="19837"/>
                  <a:pt x="15857" y="20178"/>
                  <a:pt x="16070" y="20453"/>
                </a:cubicBezTo>
                <a:cubicBezTo>
                  <a:pt x="16110" y="20495"/>
                  <a:pt x="16154" y="20559"/>
                  <a:pt x="16208" y="20622"/>
                </a:cubicBezTo>
                <a:cubicBezTo>
                  <a:pt x="16234" y="20664"/>
                  <a:pt x="16273" y="20710"/>
                  <a:pt x="16299" y="20731"/>
                </a:cubicBezTo>
                <a:cubicBezTo>
                  <a:pt x="16419" y="20858"/>
                  <a:pt x="16523" y="20940"/>
                  <a:pt x="16643" y="21046"/>
                </a:cubicBezTo>
                <a:cubicBezTo>
                  <a:pt x="16710" y="21088"/>
                  <a:pt x="16775" y="21125"/>
                  <a:pt x="16842" y="21167"/>
                </a:cubicBezTo>
                <a:cubicBezTo>
                  <a:pt x="17015" y="21294"/>
                  <a:pt x="17207" y="21382"/>
                  <a:pt x="17407" y="21446"/>
                </a:cubicBezTo>
                <a:cubicBezTo>
                  <a:pt x="17553" y="21488"/>
                  <a:pt x="17696" y="21534"/>
                  <a:pt x="17842" y="21555"/>
                </a:cubicBezTo>
                <a:cubicBezTo>
                  <a:pt x="17855" y="21555"/>
                  <a:pt x="17884" y="21579"/>
                  <a:pt x="17911" y="21579"/>
                </a:cubicBezTo>
                <a:cubicBezTo>
                  <a:pt x="17951" y="21579"/>
                  <a:pt x="17978" y="21579"/>
                  <a:pt x="18018" y="21579"/>
                </a:cubicBezTo>
                <a:cubicBezTo>
                  <a:pt x="18098" y="21600"/>
                  <a:pt x="18175" y="21591"/>
                  <a:pt x="18255" y="21591"/>
                </a:cubicBezTo>
                <a:cubicBezTo>
                  <a:pt x="18335" y="21591"/>
                  <a:pt x="18404" y="21591"/>
                  <a:pt x="18484" y="21591"/>
                </a:cubicBezTo>
                <a:cubicBezTo>
                  <a:pt x="18564" y="21591"/>
                  <a:pt x="18646" y="21579"/>
                  <a:pt x="18713" y="21579"/>
                </a:cubicBezTo>
                <a:cubicBezTo>
                  <a:pt x="18873" y="21558"/>
                  <a:pt x="19042" y="21509"/>
                  <a:pt x="19202" y="21446"/>
                </a:cubicBezTo>
                <a:cubicBezTo>
                  <a:pt x="19375" y="21382"/>
                  <a:pt x="19548" y="21297"/>
                  <a:pt x="19721" y="21191"/>
                </a:cubicBezTo>
                <a:cubicBezTo>
                  <a:pt x="19774" y="21170"/>
                  <a:pt x="19828" y="21113"/>
                  <a:pt x="19881" y="21070"/>
                </a:cubicBezTo>
                <a:cubicBezTo>
                  <a:pt x="19935" y="21028"/>
                  <a:pt x="19979" y="20979"/>
                  <a:pt x="20019" y="20937"/>
                </a:cubicBezTo>
                <a:cubicBezTo>
                  <a:pt x="20046" y="20916"/>
                  <a:pt x="20067" y="20895"/>
                  <a:pt x="20080" y="20852"/>
                </a:cubicBezTo>
                <a:cubicBezTo>
                  <a:pt x="20107" y="20810"/>
                  <a:pt x="20145" y="20773"/>
                  <a:pt x="20172" y="20731"/>
                </a:cubicBezTo>
                <a:cubicBezTo>
                  <a:pt x="20198" y="20689"/>
                  <a:pt x="20214" y="20640"/>
                  <a:pt x="20240" y="20598"/>
                </a:cubicBezTo>
                <a:lnTo>
                  <a:pt x="20324" y="20683"/>
                </a:lnTo>
                <a:lnTo>
                  <a:pt x="20882" y="21300"/>
                </a:lnTo>
                <a:lnTo>
                  <a:pt x="21600" y="21300"/>
                </a:lnTo>
                <a:lnTo>
                  <a:pt x="21600" y="10172"/>
                </a:lnTo>
                <a:lnTo>
                  <a:pt x="18751" y="10172"/>
                </a:lnTo>
                <a:lnTo>
                  <a:pt x="18713" y="10172"/>
                </a:lnTo>
                <a:lnTo>
                  <a:pt x="18255" y="10172"/>
                </a:lnTo>
                <a:lnTo>
                  <a:pt x="18255" y="13284"/>
                </a:lnTo>
                <a:lnTo>
                  <a:pt x="18736" y="13284"/>
                </a:lnTo>
                <a:lnTo>
                  <a:pt x="18736" y="15294"/>
                </a:lnTo>
                <a:cubicBezTo>
                  <a:pt x="18736" y="16498"/>
                  <a:pt x="18705" y="17266"/>
                  <a:pt x="18652" y="17583"/>
                </a:cubicBezTo>
                <a:cubicBezTo>
                  <a:pt x="18598" y="17900"/>
                  <a:pt x="18470" y="18067"/>
                  <a:pt x="18270" y="18067"/>
                </a:cubicBezTo>
                <a:cubicBezTo>
                  <a:pt x="18123" y="18067"/>
                  <a:pt x="18016" y="17985"/>
                  <a:pt x="17949" y="17837"/>
                </a:cubicBezTo>
                <a:cubicBezTo>
                  <a:pt x="17936" y="17774"/>
                  <a:pt x="17909" y="17731"/>
                  <a:pt x="17896" y="17668"/>
                </a:cubicBezTo>
                <a:cubicBezTo>
                  <a:pt x="17882" y="17625"/>
                  <a:pt x="17888" y="17574"/>
                  <a:pt x="17888" y="17510"/>
                </a:cubicBezTo>
                <a:cubicBezTo>
                  <a:pt x="17875" y="17362"/>
                  <a:pt x="17855" y="17179"/>
                  <a:pt x="17842" y="16905"/>
                </a:cubicBezTo>
                <a:cubicBezTo>
                  <a:pt x="17842" y="16799"/>
                  <a:pt x="17835" y="16683"/>
                  <a:pt x="17835" y="16578"/>
                </a:cubicBezTo>
                <a:cubicBezTo>
                  <a:pt x="17821" y="16261"/>
                  <a:pt x="17819" y="15886"/>
                  <a:pt x="17819" y="15464"/>
                </a:cubicBezTo>
                <a:lnTo>
                  <a:pt x="17819" y="5812"/>
                </a:lnTo>
                <a:cubicBezTo>
                  <a:pt x="17819" y="5432"/>
                  <a:pt x="17829" y="5097"/>
                  <a:pt x="17842" y="4844"/>
                </a:cubicBezTo>
                <a:cubicBezTo>
                  <a:pt x="17842" y="4675"/>
                  <a:pt x="17859" y="4522"/>
                  <a:pt x="17873" y="4396"/>
                </a:cubicBezTo>
                <a:cubicBezTo>
                  <a:pt x="17873" y="4332"/>
                  <a:pt x="17888" y="4268"/>
                  <a:pt x="17888" y="4226"/>
                </a:cubicBezTo>
                <a:cubicBezTo>
                  <a:pt x="17901" y="4184"/>
                  <a:pt x="17898" y="4123"/>
                  <a:pt x="17911" y="4081"/>
                </a:cubicBezTo>
                <a:cubicBezTo>
                  <a:pt x="17924" y="4039"/>
                  <a:pt x="17928" y="4014"/>
                  <a:pt x="17941" y="3972"/>
                </a:cubicBezTo>
                <a:cubicBezTo>
                  <a:pt x="17968" y="3866"/>
                  <a:pt x="18018" y="3805"/>
                  <a:pt x="18071" y="3742"/>
                </a:cubicBezTo>
                <a:cubicBezTo>
                  <a:pt x="18125" y="3700"/>
                  <a:pt x="18188" y="3657"/>
                  <a:pt x="18255" y="3657"/>
                </a:cubicBezTo>
                <a:lnTo>
                  <a:pt x="18270" y="3657"/>
                </a:lnTo>
                <a:cubicBezTo>
                  <a:pt x="18297" y="3657"/>
                  <a:pt x="18335" y="3660"/>
                  <a:pt x="18362" y="3681"/>
                </a:cubicBezTo>
                <a:cubicBezTo>
                  <a:pt x="18481" y="3724"/>
                  <a:pt x="18566" y="3845"/>
                  <a:pt x="18606" y="4057"/>
                </a:cubicBezTo>
                <a:cubicBezTo>
                  <a:pt x="18659" y="4310"/>
                  <a:pt x="18682" y="4922"/>
                  <a:pt x="18682" y="5873"/>
                </a:cubicBezTo>
                <a:lnTo>
                  <a:pt x="18682" y="7580"/>
                </a:lnTo>
                <a:lnTo>
                  <a:pt x="18736" y="7580"/>
                </a:lnTo>
                <a:lnTo>
                  <a:pt x="21577" y="7580"/>
                </a:lnTo>
                <a:lnTo>
                  <a:pt x="21585" y="7580"/>
                </a:lnTo>
                <a:cubicBezTo>
                  <a:pt x="21585" y="7390"/>
                  <a:pt x="21585" y="7229"/>
                  <a:pt x="21585" y="7060"/>
                </a:cubicBezTo>
                <a:lnTo>
                  <a:pt x="21585" y="5861"/>
                </a:lnTo>
                <a:cubicBezTo>
                  <a:pt x="21585" y="5819"/>
                  <a:pt x="21585" y="5746"/>
                  <a:pt x="21585" y="5704"/>
                </a:cubicBezTo>
                <a:cubicBezTo>
                  <a:pt x="21571" y="5302"/>
                  <a:pt x="21537" y="4973"/>
                  <a:pt x="21524" y="4698"/>
                </a:cubicBezTo>
                <a:cubicBezTo>
                  <a:pt x="21470" y="3853"/>
                  <a:pt x="21297" y="3068"/>
                  <a:pt x="21004" y="2349"/>
                </a:cubicBezTo>
                <a:cubicBezTo>
                  <a:pt x="20778" y="1779"/>
                  <a:pt x="20482" y="1331"/>
                  <a:pt x="20149" y="993"/>
                </a:cubicBezTo>
                <a:cubicBezTo>
                  <a:pt x="20056" y="887"/>
                  <a:pt x="19958" y="802"/>
                  <a:pt x="19851" y="739"/>
                </a:cubicBezTo>
                <a:cubicBezTo>
                  <a:pt x="19411" y="401"/>
                  <a:pt x="18923" y="227"/>
                  <a:pt x="18377" y="206"/>
                </a:cubicBezTo>
                <a:cubicBezTo>
                  <a:pt x="18337" y="206"/>
                  <a:pt x="18279" y="206"/>
                  <a:pt x="18239" y="206"/>
                </a:cubicBezTo>
                <a:close/>
                <a:moveTo>
                  <a:pt x="7997" y="424"/>
                </a:moveTo>
                <a:lnTo>
                  <a:pt x="7997" y="3512"/>
                </a:lnTo>
                <a:lnTo>
                  <a:pt x="7997" y="5498"/>
                </a:lnTo>
                <a:lnTo>
                  <a:pt x="10892" y="5413"/>
                </a:lnTo>
                <a:lnTo>
                  <a:pt x="10892" y="3936"/>
                </a:lnTo>
                <a:lnTo>
                  <a:pt x="12954" y="6212"/>
                </a:lnTo>
                <a:lnTo>
                  <a:pt x="10892" y="8477"/>
                </a:lnTo>
                <a:lnTo>
                  <a:pt x="10892" y="6999"/>
                </a:lnTo>
                <a:lnTo>
                  <a:pt x="7997" y="6914"/>
                </a:lnTo>
                <a:lnTo>
                  <a:pt x="7997" y="21022"/>
                </a:lnTo>
                <a:lnTo>
                  <a:pt x="10899" y="21022"/>
                </a:lnTo>
                <a:lnTo>
                  <a:pt x="10899" y="12315"/>
                </a:lnTo>
                <a:lnTo>
                  <a:pt x="11678" y="12315"/>
                </a:lnTo>
                <a:cubicBezTo>
                  <a:pt x="12318" y="12315"/>
                  <a:pt x="12821" y="12148"/>
                  <a:pt x="13221" y="11831"/>
                </a:cubicBezTo>
                <a:cubicBezTo>
                  <a:pt x="13608" y="11514"/>
                  <a:pt x="13884" y="11054"/>
                  <a:pt x="14031" y="10462"/>
                </a:cubicBezTo>
                <a:cubicBezTo>
                  <a:pt x="14031" y="10441"/>
                  <a:pt x="14046" y="10423"/>
                  <a:pt x="14046" y="10402"/>
                </a:cubicBezTo>
                <a:cubicBezTo>
                  <a:pt x="14166" y="9895"/>
                  <a:pt x="14231" y="9367"/>
                  <a:pt x="14245" y="8416"/>
                </a:cubicBezTo>
                <a:lnTo>
                  <a:pt x="14245" y="5728"/>
                </a:lnTo>
                <a:cubicBezTo>
                  <a:pt x="14245" y="4777"/>
                  <a:pt x="14206" y="4037"/>
                  <a:pt x="14153" y="3487"/>
                </a:cubicBezTo>
                <a:cubicBezTo>
                  <a:pt x="14153" y="3445"/>
                  <a:pt x="14138" y="3381"/>
                  <a:pt x="14138" y="3318"/>
                </a:cubicBezTo>
                <a:cubicBezTo>
                  <a:pt x="14058" y="2705"/>
                  <a:pt x="13923" y="2178"/>
                  <a:pt x="13710" y="1756"/>
                </a:cubicBezTo>
                <a:cubicBezTo>
                  <a:pt x="13497" y="1333"/>
                  <a:pt x="13182" y="995"/>
                  <a:pt x="12755" y="763"/>
                </a:cubicBezTo>
                <a:cubicBezTo>
                  <a:pt x="12316" y="530"/>
                  <a:pt x="11714" y="424"/>
                  <a:pt x="10915" y="424"/>
                </a:cubicBezTo>
                <a:lnTo>
                  <a:pt x="7997" y="424"/>
                </a:lnTo>
                <a:close/>
                <a:moveTo>
                  <a:pt x="0" y="6757"/>
                </a:moveTo>
                <a:lnTo>
                  <a:pt x="0" y="12485"/>
                </a:lnTo>
                <a:cubicBezTo>
                  <a:pt x="0" y="14597"/>
                  <a:pt x="31" y="16084"/>
                  <a:pt x="84" y="16929"/>
                </a:cubicBezTo>
                <a:cubicBezTo>
                  <a:pt x="137" y="17774"/>
                  <a:pt x="310" y="18548"/>
                  <a:pt x="603" y="19266"/>
                </a:cubicBezTo>
                <a:cubicBezTo>
                  <a:pt x="883" y="19984"/>
                  <a:pt x="1269" y="20517"/>
                  <a:pt x="1749" y="20877"/>
                </a:cubicBezTo>
                <a:cubicBezTo>
                  <a:pt x="2229" y="21236"/>
                  <a:pt x="2761" y="21409"/>
                  <a:pt x="3361" y="21409"/>
                </a:cubicBezTo>
                <a:cubicBezTo>
                  <a:pt x="3987" y="21409"/>
                  <a:pt x="4544" y="21220"/>
                  <a:pt x="5010" y="20840"/>
                </a:cubicBezTo>
                <a:cubicBezTo>
                  <a:pt x="5490" y="20460"/>
                  <a:pt x="5869" y="19900"/>
                  <a:pt x="6149" y="19181"/>
                </a:cubicBezTo>
                <a:cubicBezTo>
                  <a:pt x="6428" y="18484"/>
                  <a:pt x="6584" y="17689"/>
                  <a:pt x="6637" y="16844"/>
                </a:cubicBezTo>
                <a:cubicBezTo>
                  <a:pt x="6691" y="15999"/>
                  <a:pt x="6714" y="14510"/>
                  <a:pt x="6714" y="12461"/>
                </a:cubicBezTo>
                <a:lnTo>
                  <a:pt x="6714" y="8973"/>
                </a:lnTo>
                <a:cubicBezTo>
                  <a:pt x="6714" y="8212"/>
                  <a:pt x="6719" y="7542"/>
                  <a:pt x="6706" y="6951"/>
                </a:cubicBezTo>
                <a:lnTo>
                  <a:pt x="3811" y="6866"/>
                </a:lnTo>
                <a:lnTo>
                  <a:pt x="3811" y="15173"/>
                </a:lnTo>
                <a:cubicBezTo>
                  <a:pt x="3811" y="16377"/>
                  <a:pt x="3781" y="17154"/>
                  <a:pt x="3727" y="17450"/>
                </a:cubicBezTo>
                <a:cubicBezTo>
                  <a:pt x="3674" y="17766"/>
                  <a:pt x="3547" y="17934"/>
                  <a:pt x="3361" y="17934"/>
                </a:cubicBezTo>
                <a:cubicBezTo>
                  <a:pt x="3161" y="17934"/>
                  <a:pt x="3040" y="17785"/>
                  <a:pt x="2986" y="17510"/>
                </a:cubicBezTo>
                <a:cubicBezTo>
                  <a:pt x="2933" y="17235"/>
                  <a:pt x="2910" y="16501"/>
                  <a:pt x="2910" y="15318"/>
                </a:cubicBezTo>
                <a:lnTo>
                  <a:pt x="2910" y="6830"/>
                </a:lnTo>
                <a:lnTo>
                  <a:pt x="0" y="6757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46" name="Line">
            <a:extLst>
              <a:ext uri="{FF2B5EF4-FFF2-40B4-BE49-F238E27FC236}">
                <a16:creationId xmlns:a16="http://schemas.microsoft.com/office/drawing/2014/main" id="{996DD713-65BA-5E2F-257A-702A1E793D1B}"/>
              </a:ext>
            </a:extLst>
          </p:cNvPr>
          <p:cNvSpPr/>
          <p:nvPr userDrawn="1"/>
        </p:nvSpPr>
        <p:spPr>
          <a:xfrm flipV="1">
            <a:off x="5903617" y="861922"/>
            <a:ext cx="1" cy="5134156"/>
          </a:xfrm>
          <a:prstGeom prst="line">
            <a:avLst/>
          </a:prstGeom>
          <a:ln>
            <a:solidFill>
              <a:schemeClr val="accent1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47" name="Triangle">
            <a:extLst>
              <a:ext uri="{FF2B5EF4-FFF2-40B4-BE49-F238E27FC236}">
                <a16:creationId xmlns:a16="http://schemas.microsoft.com/office/drawing/2014/main" id="{C52B61BF-6C04-1C31-935E-9DC0B4768A10}"/>
              </a:ext>
            </a:extLst>
          </p:cNvPr>
          <p:cNvSpPr/>
          <p:nvPr userDrawn="1"/>
        </p:nvSpPr>
        <p:spPr>
          <a:xfrm rot="5400000">
            <a:off x="4683308" y="3240174"/>
            <a:ext cx="761779" cy="377652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10800" y="0"/>
                </a:moveTo>
                <a:lnTo>
                  <a:pt x="21600" y="21600"/>
                </a:lnTo>
                <a:lnTo>
                  <a:pt x="0" y="2160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48" name="Triangle">
            <a:extLst>
              <a:ext uri="{FF2B5EF4-FFF2-40B4-BE49-F238E27FC236}">
                <a16:creationId xmlns:a16="http://schemas.microsoft.com/office/drawing/2014/main" id="{F37922B5-4552-41A1-AF11-1A49893BF4E4}"/>
              </a:ext>
            </a:extLst>
          </p:cNvPr>
          <p:cNvSpPr/>
          <p:nvPr userDrawn="1"/>
        </p:nvSpPr>
        <p:spPr>
          <a:xfrm rot="5400000">
            <a:off x="3407755" y="3240174"/>
            <a:ext cx="761779" cy="377652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10800" y="0"/>
                </a:moveTo>
                <a:lnTo>
                  <a:pt x="21600" y="21600"/>
                </a:lnTo>
                <a:lnTo>
                  <a:pt x="0" y="2160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012840CF-B2BE-ECF2-AF33-CB0958D6CB95}"/>
              </a:ext>
            </a:extLst>
          </p:cNvPr>
          <p:cNvSpPr txBox="1"/>
          <p:nvPr userDrawn="1"/>
        </p:nvSpPr>
        <p:spPr>
          <a:xfrm>
            <a:off x="-71438" y="-356115"/>
            <a:ext cx="92396" cy="369330"/>
          </a:xfrm>
          <a:prstGeom prst="rect">
            <a:avLst/>
          </a:prstGeom>
          <a:noFill/>
          <a:ln w="12700" cap="flat">
            <a:noFill/>
            <a:miter lim="400000"/>
          </a:ln>
          <a:effectLst/>
          <a:sp3d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ctr">
            <a:spAutoFit/>
          </a:bodyPr>
          <a:lstStyle/>
          <a:p>
            <a:pPr marL="0" marR="0" indent="0" algn="l" defTabSz="914400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800" b="0" i="0" u="none" strike="noStrike" cap="none" spc="0" normalizeH="0" baseline="0" dirty="0">
              <a:ln>
                <a:noFill/>
              </a:ln>
              <a:solidFill>
                <a:srgbClr val="575757"/>
              </a:solidFill>
              <a:effectLst/>
              <a:uFillTx/>
              <a:latin typeface="PolySans Slim" pitchFamily="2" charset="77"/>
              <a:ea typeface="+mn-ea"/>
              <a:cs typeface="+mn-cs"/>
              <a:sym typeface="Raleway"/>
            </a:endParaRPr>
          </a:p>
        </p:txBody>
      </p:sp>
    </p:spTree>
    <p:extLst>
      <p:ext uri="{BB962C8B-B14F-4D97-AF65-F5344CB8AC3E}">
        <p14:creationId xmlns:p14="http://schemas.microsoft.com/office/powerpoint/2010/main" val="389069612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A741B19F-3D68-9E4B-A1A4-11D13DB5B3EB}"/>
              </a:ext>
            </a:extLst>
          </p:cNvPr>
          <p:cNvSpPr/>
          <p:nvPr userDrawn="1"/>
        </p:nvSpPr>
        <p:spPr>
          <a:xfrm>
            <a:off x="-5557" y="0"/>
            <a:ext cx="12197557" cy="6858000"/>
          </a:xfrm>
          <a:prstGeom prst="rect">
            <a:avLst/>
          </a:prstGeom>
          <a:solidFill>
            <a:schemeClr val="bg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5" name="Shape">
            <a:extLst>
              <a:ext uri="{FF2B5EF4-FFF2-40B4-BE49-F238E27FC236}">
                <a16:creationId xmlns:a16="http://schemas.microsoft.com/office/drawing/2014/main" id="{B9B017B6-EB6A-A19A-1724-C2542F2CEDFE}"/>
              </a:ext>
            </a:extLst>
          </p:cNvPr>
          <p:cNvSpPr/>
          <p:nvPr userDrawn="1"/>
        </p:nvSpPr>
        <p:spPr>
          <a:xfrm>
            <a:off x="-5557" y="0"/>
            <a:ext cx="4880770" cy="6858000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16953" y="21600"/>
                </a:lnTo>
                <a:lnTo>
                  <a:pt x="16953" y="14016"/>
                </a:lnTo>
                <a:cubicBezTo>
                  <a:pt x="16988" y="13140"/>
                  <a:pt x="17497" y="12348"/>
                  <a:pt x="18310" y="11770"/>
                </a:cubicBezTo>
                <a:cubicBezTo>
                  <a:pt x="19152" y="11170"/>
                  <a:pt x="20315" y="10800"/>
                  <a:pt x="21600" y="10800"/>
                </a:cubicBezTo>
                <a:cubicBezTo>
                  <a:pt x="20315" y="10800"/>
                  <a:pt x="19152" y="10430"/>
                  <a:pt x="18310" y="9830"/>
                </a:cubicBezTo>
                <a:cubicBezTo>
                  <a:pt x="17497" y="9252"/>
                  <a:pt x="16988" y="8460"/>
                  <a:pt x="16953" y="7584"/>
                </a:cubicBezTo>
                <a:lnTo>
                  <a:pt x="16953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45" name="Shape">
            <a:extLst>
              <a:ext uri="{FF2B5EF4-FFF2-40B4-BE49-F238E27FC236}">
                <a16:creationId xmlns:a16="http://schemas.microsoft.com/office/drawing/2014/main" id="{0FB87F50-3225-6045-C665-E8F7B3816371}"/>
              </a:ext>
            </a:extLst>
          </p:cNvPr>
          <p:cNvSpPr/>
          <p:nvPr userDrawn="1"/>
        </p:nvSpPr>
        <p:spPr>
          <a:xfrm>
            <a:off x="628650" y="576262"/>
            <a:ext cx="1122363" cy="707692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593" extrusionOk="0">
                <a:moveTo>
                  <a:pt x="3361" y="0"/>
                </a:moveTo>
                <a:cubicBezTo>
                  <a:pt x="2734" y="0"/>
                  <a:pt x="2191" y="189"/>
                  <a:pt x="1711" y="569"/>
                </a:cubicBezTo>
                <a:cubicBezTo>
                  <a:pt x="1618" y="633"/>
                  <a:pt x="1531" y="715"/>
                  <a:pt x="1451" y="799"/>
                </a:cubicBezTo>
                <a:cubicBezTo>
                  <a:pt x="1091" y="1137"/>
                  <a:pt x="799" y="1600"/>
                  <a:pt x="573" y="2192"/>
                </a:cubicBezTo>
                <a:cubicBezTo>
                  <a:pt x="293" y="2889"/>
                  <a:pt x="137" y="3675"/>
                  <a:pt x="84" y="4541"/>
                </a:cubicBezTo>
                <a:cubicBezTo>
                  <a:pt x="71" y="4858"/>
                  <a:pt x="13" y="5239"/>
                  <a:pt x="0" y="5704"/>
                </a:cubicBezTo>
                <a:lnTo>
                  <a:pt x="2910" y="5619"/>
                </a:lnTo>
                <a:cubicBezTo>
                  <a:pt x="2910" y="4605"/>
                  <a:pt x="2945" y="3989"/>
                  <a:pt x="3025" y="3778"/>
                </a:cubicBezTo>
                <a:cubicBezTo>
                  <a:pt x="3105" y="3567"/>
                  <a:pt x="3229" y="3463"/>
                  <a:pt x="3376" y="3463"/>
                </a:cubicBezTo>
                <a:cubicBezTo>
                  <a:pt x="3549" y="3463"/>
                  <a:pt x="3661" y="3588"/>
                  <a:pt x="3727" y="3863"/>
                </a:cubicBezTo>
                <a:cubicBezTo>
                  <a:pt x="3781" y="4116"/>
                  <a:pt x="3827" y="4710"/>
                  <a:pt x="3827" y="5619"/>
                </a:cubicBezTo>
                <a:lnTo>
                  <a:pt x="6714" y="5534"/>
                </a:lnTo>
                <a:cubicBezTo>
                  <a:pt x="6700" y="5111"/>
                  <a:pt x="6666" y="4776"/>
                  <a:pt x="6653" y="4480"/>
                </a:cubicBezTo>
                <a:cubicBezTo>
                  <a:pt x="6599" y="3635"/>
                  <a:pt x="6426" y="2862"/>
                  <a:pt x="6133" y="2143"/>
                </a:cubicBezTo>
                <a:cubicBezTo>
                  <a:pt x="5893" y="1594"/>
                  <a:pt x="5596" y="1125"/>
                  <a:pt x="5263" y="787"/>
                </a:cubicBezTo>
                <a:cubicBezTo>
                  <a:pt x="5169" y="703"/>
                  <a:pt x="5066" y="617"/>
                  <a:pt x="4972" y="533"/>
                </a:cubicBezTo>
                <a:cubicBezTo>
                  <a:pt x="4493" y="174"/>
                  <a:pt x="3960" y="0"/>
                  <a:pt x="3361" y="0"/>
                </a:cubicBezTo>
                <a:close/>
                <a:moveTo>
                  <a:pt x="18239" y="206"/>
                </a:moveTo>
                <a:cubicBezTo>
                  <a:pt x="17626" y="206"/>
                  <a:pt x="17102" y="428"/>
                  <a:pt x="16635" y="787"/>
                </a:cubicBezTo>
                <a:cubicBezTo>
                  <a:pt x="16555" y="872"/>
                  <a:pt x="16456" y="933"/>
                  <a:pt x="16376" y="1017"/>
                </a:cubicBezTo>
                <a:cubicBezTo>
                  <a:pt x="16016" y="1376"/>
                  <a:pt x="15739" y="1842"/>
                  <a:pt x="15513" y="2434"/>
                </a:cubicBezTo>
                <a:cubicBezTo>
                  <a:pt x="15366" y="2793"/>
                  <a:pt x="15256" y="3147"/>
                  <a:pt x="15177" y="3548"/>
                </a:cubicBezTo>
                <a:cubicBezTo>
                  <a:pt x="15137" y="3759"/>
                  <a:pt x="15104" y="3954"/>
                  <a:pt x="15077" y="4166"/>
                </a:cubicBezTo>
                <a:cubicBezTo>
                  <a:pt x="15051" y="4377"/>
                  <a:pt x="15022" y="4563"/>
                  <a:pt x="15008" y="4795"/>
                </a:cubicBezTo>
                <a:cubicBezTo>
                  <a:pt x="14995" y="4880"/>
                  <a:pt x="14991" y="4992"/>
                  <a:pt x="14978" y="5098"/>
                </a:cubicBezTo>
                <a:cubicBezTo>
                  <a:pt x="14951" y="5352"/>
                  <a:pt x="14924" y="5629"/>
                  <a:pt x="14924" y="5946"/>
                </a:cubicBezTo>
                <a:lnTo>
                  <a:pt x="14924" y="7011"/>
                </a:lnTo>
                <a:lnTo>
                  <a:pt x="14924" y="12703"/>
                </a:lnTo>
                <a:cubicBezTo>
                  <a:pt x="14924" y="13273"/>
                  <a:pt x="14924" y="13800"/>
                  <a:pt x="14924" y="14265"/>
                </a:cubicBezTo>
                <a:cubicBezTo>
                  <a:pt x="14924" y="14307"/>
                  <a:pt x="14924" y="14344"/>
                  <a:pt x="14924" y="14386"/>
                </a:cubicBezTo>
                <a:lnTo>
                  <a:pt x="14924" y="14471"/>
                </a:lnTo>
                <a:cubicBezTo>
                  <a:pt x="14938" y="15421"/>
                  <a:pt x="14951" y="16189"/>
                  <a:pt x="14978" y="16759"/>
                </a:cubicBezTo>
                <a:cubicBezTo>
                  <a:pt x="14978" y="16780"/>
                  <a:pt x="14978" y="16802"/>
                  <a:pt x="14978" y="16844"/>
                </a:cubicBezTo>
                <a:cubicBezTo>
                  <a:pt x="14978" y="16950"/>
                  <a:pt x="14993" y="17026"/>
                  <a:pt x="14993" y="17111"/>
                </a:cubicBezTo>
                <a:cubicBezTo>
                  <a:pt x="15047" y="17934"/>
                  <a:pt x="15219" y="18717"/>
                  <a:pt x="15513" y="19436"/>
                </a:cubicBezTo>
                <a:cubicBezTo>
                  <a:pt x="15672" y="19837"/>
                  <a:pt x="15857" y="20178"/>
                  <a:pt x="16070" y="20453"/>
                </a:cubicBezTo>
                <a:cubicBezTo>
                  <a:pt x="16110" y="20495"/>
                  <a:pt x="16154" y="20559"/>
                  <a:pt x="16208" y="20622"/>
                </a:cubicBezTo>
                <a:cubicBezTo>
                  <a:pt x="16234" y="20664"/>
                  <a:pt x="16273" y="20710"/>
                  <a:pt x="16299" y="20731"/>
                </a:cubicBezTo>
                <a:cubicBezTo>
                  <a:pt x="16419" y="20858"/>
                  <a:pt x="16523" y="20940"/>
                  <a:pt x="16643" y="21046"/>
                </a:cubicBezTo>
                <a:cubicBezTo>
                  <a:pt x="16710" y="21088"/>
                  <a:pt x="16775" y="21125"/>
                  <a:pt x="16842" y="21167"/>
                </a:cubicBezTo>
                <a:cubicBezTo>
                  <a:pt x="17015" y="21294"/>
                  <a:pt x="17207" y="21382"/>
                  <a:pt x="17407" y="21446"/>
                </a:cubicBezTo>
                <a:cubicBezTo>
                  <a:pt x="17553" y="21488"/>
                  <a:pt x="17696" y="21534"/>
                  <a:pt x="17842" y="21555"/>
                </a:cubicBezTo>
                <a:cubicBezTo>
                  <a:pt x="17855" y="21555"/>
                  <a:pt x="17884" y="21579"/>
                  <a:pt x="17911" y="21579"/>
                </a:cubicBezTo>
                <a:cubicBezTo>
                  <a:pt x="17951" y="21579"/>
                  <a:pt x="17978" y="21579"/>
                  <a:pt x="18018" y="21579"/>
                </a:cubicBezTo>
                <a:cubicBezTo>
                  <a:pt x="18098" y="21600"/>
                  <a:pt x="18175" y="21591"/>
                  <a:pt x="18255" y="21591"/>
                </a:cubicBezTo>
                <a:cubicBezTo>
                  <a:pt x="18335" y="21591"/>
                  <a:pt x="18404" y="21591"/>
                  <a:pt x="18484" y="21591"/>
                </a:cubicBezTo>
                <a:cubicBezTo>
                  <a:pt x="18564" y="21591"/>
                  <a:pt x="18646" y="21579"/>
                  <a:pt x="18713" y="21579"/>
                </a:cubicBezTo>
                <a:cubicBezTo>
                  <a:pt x="18873" y="21558"/>
                  <a:pt x="19042" y="21509"/>
                  <a:pt x="19202" y="21446"/>
                </a:cubicBezTo>
                <a:cubicBezTo>
                  <a:pt x="19375" y="21382"/>
                  <a:pt x="19548" y="21297"/>
                  <a:pt x="19721" y="21191"/>
                </a:cubicBezTo>
                <a:cubicBezTo>
                  <a:pt x="19774" y="21170"/>
                  <a:pt x="19828" y="21113"/>
                  <a:pt x="19881" y="21070"/>
                </a:cubicBezTo>
                <a:cubicBezTo>
                  <a:pt x="19935" y="21028"/>
                  <a:pt x="19979" y="20979"/>
                  <a:pt x="20019" y="20937"/>
                </a:cubicBezTo>
                <a:cubicBezTo>
                  <a:pt x="20046" y="20916"/>
                  <a:pt x="20067" y="20895"/>
                  <a:pt x="20080" y="20852"/>
                </a:cubicBezTo>
                <a:cubicBezTo>
                  <a:pt x="20107" y="20810"/>
                  <a:pt x="20145" y="20773"/>
                  <a:pt x="20172" y="20731"/>
                </a:cubicBezTo>
                <a:cubicBezTo>
                  <a:pt x="20198" y="20689"/>
                  <a:pt x="20214" y="20640"/>
                  <a:pt x="20240" y="20598"/>
                </a:cubicBezTo>
                <a:lnTo>
                  <a:pt x="20324" y="20683"/>
                </a:lnTo>
                <a:lnTo>
                  <a:pt x="20882" y="21300"/>
                </a:lnTo>
                <a:lnTo>
                  <a:pt x="21600" y="21300"/>
                </a:lnTo>
                <a:lnTo>
                  <a:pt x="21600" y="10172"/>
                </a:lnTo>
                <a:lnTo>
                  <a:pt x="18751" y="10172"/>
                </a:lnTo>
                <a:lnTo>
                  <a:pt x="18713" y="10172"/>
                </a:lnTo>
                <a:lnTo>
                  <a:pt x="18255" y="10172"/>
                </a:lnTo>
                <a:lnTo>
                  <a:pt x="18255" y="13284"/>
                </a:lnTo>
                <a:lnTo>
                  <a:pt x="18736" y="13284"/>
                </a:lnTo>
                <a:lnTo>
                  <a:pt x="18736" y="15294"/>
                </a:lnTo>
                <a:cubicBezTo>
                  <a:pt x="18736" y="16498"/>
                  <a:pt x="18705" y="17266"/>
                  <a:pt x="18652" y="17583"/>
                </a:cubicBezTo>
                <a:cubicBezTo>
                  <a:pt x="18598" y="17900"/>
                  <a:pt x="18470" y="18067"/>
                  <a:pt x="18270" y="18067"/>
                </a:cubicBezTo>
                <a:cubicBezTo>
                  <a:pt x="18123" y="18067"/>
                  <a:pt x="18016" y="17985"/>
                  <a:pt x="17949" y="17837"/>
                </a:cubicBezTo>
                <a:cubicBezTo>
                  <a:pt x="17936" y="17774"/>
                  <a:pt x="17909" y="17731"/>
                  <a:pt x="17896" y="17668"/>
                </a:cubicBezTo>
                <a:cubicBezTo>
                  <a:pt x="17882" y="17625"/>
                  <a:pt x="17888" y="17574"/>
                  <a:pt x="17888" y="17510"/>
                </a:cubicBezTo>
                <a:cubicBezTo>
                  <a:pt x="17875" y="17362"/>
                  <a:pt x="17855" y="17179"/>
                  <a:pt x="17842" y="16905"/>
                </a:cubicBezTo>
                <a:cubicBezTo>
                  <a:pt x="17842" y="16799"/>
                  <a:pt x="17835" y="16683"/>
                  <a:pt x="17835" y="16578"/>
                </a:cubicBezTo>
                <a:cubicBezTo>
                  <a:pt x="17821" y="16261"/>
                  <a:pt x="17819" y="15886"/>
                  <a:pt x="17819" y="15464"/>
                </a:cubicBezTo>
                <a:lnTo>
                  <a:pt x="17819" y="5812"/>
                </a:lnTo>
                <a:cubicBezTo>
                  <a:pt x="17819" y="5432"/>
                  <a:pt x="17829" y="5097"/>
                  <a:pt x="17842" y="4844"/>
                </a:cubicBezTo>
                <a:cubicBezTo>
                  <a:pt x="17842" y="4675"/>
                  <a:pt x="17859" y="4522"/>
                  <a:pt x="17873" y="4396"/>
                </a:cubicBezTo>
                <a:cubicBezTo>
                  <a:pt x="17873" y="4332"/>
                  <a:pt x="17888" y="4268"/>
                  <a:pt x="17888" y="4226"/>
                </a:cubicBezTo>
                <a:cubicBezTo>
                  <a:pt x="17901" y="4184"/>
                  <a:pt x="17898" y="4123"/>
                  <a:pt x="17911" y="4081"/>
                </a:cubicBezTo>
                <a:cubicBezTo>
                  <a:pt x="17924" y="4039"/>
                  <a:pt x="17928" y="4014"/>
                  <a:pt x="17941" y="3972"/>
                </a:cubicBezTo>
                <a:cubicBezTo>
                  <a:pt x="17968" y="3866"/>
                  <a:pt x="18018" y="3805"/>
                  <a:pt x="18071" y="3742"/>
                </a:cubicBezTo>
                <a:cubicBezTo>
                  <a:pt x="18125" y="3700"/>
                  <a:pt x="18188" y="3657"/>
                  <a:pt x="18255" y="3657"/>
                </a:cubicBezTo>
                <a:lnTo>
                  <a:pt x="18270" y="3657"/>
                </a:lnTo>
                <a:cubicBezTo>
                  <a:pt x="18297" y="3657"/>
                  <a:pt x="18335" y="3660"/>
                  <a:pt x="18362" y="3681"/>
                </a:cubicBezTo>
                <a:cubicBezTo>
                  <a:pt x="18481" y="3724"/>
                  <a:pt x="18566" y="3845"/>
                  <a:pt x="18606" y="4057"/>
                </a:cubicBezTo>
                <a:cubicBezTo>
                  <a:pt x="18659" y="4310"/>
                  <a:pt x="18682" y="4922"/>
                  <a:pt x="18682" y="5873"/>
                </a:cubicBezTo>
                <a:lnTo>
                  <a:pt x="18682" y="7580"/>
                </a:lnTo>
                <a:lnTo>
                  <a:pt x="18736" y="7580"/>
                </a:lnTo>
                <a:lnTo>
                  <a:pt x="21577" y="7580"/>
                </a:lnTo>
                <a:lnTo>
                  <a:pt x="21585" y="7580"/>
                </a:lnTo>
                <a:cubicBezTo>
                  <a:pt x="21585" y="7390"/>
                  <a:pt x="21585" y="7229"/>
                  <a:pt x="21585" y="7060"/>
                </a:cubicBezTo>
                <a:lnTo>
                  <a:pt x="21585" y="5861"/>
                </a:lnTo>
                <a:cubicBezTo>
                  <a:pt x="21585" y="5819"/>
                  <a:pt x="21585" y="5746"/>
                  <a:pt x="21585" y="5704"/>
                </a:cubicBezTo>
                <a:cubicBezTo>
                  <a:pt x="21571" y="5302"/>
                  <a:pt x="21537" y="4973"/>
                  <a:pt x="21524" y="4698"/>
                </a:cubicBezTo>
                <a:cubicBezTo>
                  <a:pt x="21470" y="3853"/>
                  <a:pt x="21297" y="3068"/>
                  <a:pt x="21004" y="2349"/>
                </a:cubicBezTo>
                <a:cubicBezTo>
                  <a:pt x="20778" y="1779"/>
                  <a:pt x="20482" y="1331"/>
                  <a:pt x="20149" y="993"/>
                </a:cubicBezTo>
                <a:cubicBezTo>
                  <a:pt x="20056" y="887"/>
                  <a:pt x="19958" y="802"/>
                  <a:pt x="19851" y="739"/>
                </a:cubicBezTo>
                <a:cubicBezTo>
                  <a:pt x="19411" y="401"/>
                  <a:pt x="18923" y="227"/>
                  <a:pt x="18377" y="206"/>
                </a:cubicBezTo>
                <a:cubicBezTo>
                  <a:pt x="18337" y="206"/>
                  <a:pt x="18279" y="206"/>
                  <a:pt x="18239" y="206"/>
                </a:cubicBezTo>
                <a:close/>
                <a:moveTo>
                  <a:pt x="7997" y="424"/>
                </a:moveTo>
                <a:lnTo>
                  <a:pt x="7997" y="3512"/>
                </a:lnTo>
                <a:lnTo>
                  <a:pt x="7997" y="5498"/>
                </a:lnTo>
                <a:lnTo>
                  <a:pt x="10892" y="5413"/>
                </a:lnTo>
                <a:lnTo>
                  <a:pt x="10892" y="3936"/>
                </a:lnTo>
                <a:lnTo>
                  <a:pt x="12954" y="6212"/>
                </a:lnTo>
                <a:lnTo>
                  <a:pt x="10892" y="8477"/>
                </a:lnTo>
                <a:lnTo>
                  <a:pt x="10892" y="6999"/>
                </a:lnTo>
                <a:lnTo>
                  <a:pt x="7997" y="6914"/>
                </a:lnTo>
                <a:lnTo>
                  <a:pt x="7997" y="21022"/>
                </a:lnTo>
                <a:lnTo>
                  <a:pt x="10899" y="21022"/>
                </a:lnTo>
                <a:lnTo>
                  <a:pt x="10899" y="12315"/>
                </a:lnTo>
                <a:lnTo>
                  <a:pt x="11678" y="12315"/>
                </a:lnTo>
                <a:cubicBezTo>
                  <a:pt x="12318" y="12315"/>
                  <a:pt x="12821" y="12148"/>
                  <a:pt x="13221" y="11831"/>
                </a:cubicBezTo>
                <a:cubicBezTo>
                  <a:pt x="13608" y="11514"/>
                  <a:pt x="13884" y="11054"/>
                  <a:pt x="14031" y="10462"/>
                </a:cubicBezTo>
                <a:cubicBezTo>
                  <a:pt x="14031" y="10441"/>
                  <a:pt x="14046" y="10423"/>
                  <a:pt x="14046" y="10402"/>
                </a:cubicBezTo>
                <a:cubicBezTo>
                  <a:pt x="14166" y="9895"/>
                  <a:pt x="14231" y="9367"/>
                  <a:pt x="14245" y="8416"/>
                </a:cubicBezTo>
                <a:lnTo>
                  <a:pt x="14245" y="5728"/>
                </a:lnTo>
                <a:cubicBezTo>
                  <a:pt x="14245" y="4777"/>
                  <a:pt x="14206" y="4037"/>
                  <a:pt x="14153" y="3487"/>
                </a:cubicBezTo>
                <a:cubicBezTo>
                  <a:pt x="14153" y="3445"/>
                  <a:pt x="14138" y="3381"/>
                  <a:pt x="14138" y="3318"/>
                </a:cubicBezTo>
                <a:cubicBezTo>
                  <a:pt x="14058" y="2705"/>
                  <a:pt x="13923" y="2178"/>
                  <a:pt x="13710" y="1756"/>
                </a:cubicBezTo>
                <a:cubicBezTo>
                  <a:pt x="13497" y="1333"/>
                  <a:pt x="13182" y="995"/>
                  <a:pt x="12755" y="763"/>
                </a:cubicBezTo>
                <a:cubicBezTo>
                  <a:pt x="12316" y="530"/>
                  <a:pt x="11714" y="424"/>
                  <a:pt x="10915" y="424"/>
                </a:cubicBezTo>
                <a:lnTo>
                  <a:pt x="7997" y="424"/>
                </a:lnTo>
                <a:close/>
                <a:moveTo>
                  <a:pt x="0" y="6757"/>
                </a:moveTo>
                <a:lnTo>
                  <a:pt x="0" y="12485"/>
                </a:lnTo>
                <a:cubicBezTo>
                  <a:pt x="0" y="14597"/>
                  <a:pt x="31" y="16084"/>
                  <a:pt x="84" y="16929"/>
                </a:cubicBezTo>
                <a:cubicBezTo>
                  <a:pt x="137" y="17774"/>
                  <a:pt x="310" y="18548"/>
                  <a:pt x="603" y="19266"/>
                </a:cubicBezTo>
                <a:cubicBezTo>
                  <a:pt x="883" y="19984"/>
                  <a:pt x="1269" y="20517"/>
                  <a:pt x="1749" y="20877"/>
                </a:cubicBezTo>
                <a:cubicBezTo>
                  <a:pt x="2229" y="21236"/>
                  <a:pt x="2761" y="21409"/>
                  <a:pt x="3361" y="21409"/>
                </a:cubicBezTo>
                <a:cubicBezTo>
                  <a:pt x="3987" y="21409"/>
                  <a:pt x="4544" y="21220"/>
                  <a:pt x="5010" y="20840"/>
                </a:cubicBezTo>
                <a:cubicBezTo>
                  <a:pt x="5490" y="20460"/>
                  <a:pt x="5869" y="19900"/>
                  <a:pt x="6149" y="19181"/>
                </a:cubicBezTo>
                <a:cubicBezTo>
                  <a:pt x="6428" y="18484"/>
                  <a:pt x="6584" y="17689"/>
                  <a:pt x="6637" y="16844"/>
                </a:cubicBezTo>
                <a:cubicBezTo>
                  <a:pt x="6691" y="15999"/>
                  <a:pt x="6714" y="14510"/>
                  <a:pt x="6714" y="12461"/>
                </a:cubicBezTo>
                <a:lnTo>
                  <a:pt x="6714" y="8973"/>
                </a:lnTo>
                <a:cubicBezTo>
                  <a:pt x="6714" y="8212"/>
                  <a:pt x="6719" y="7542"/>
                  <a:pt x="6706" y="6951"/>
                </a:cubicBezTo>
                <a:lnTo>
                  <a:pt x="3811" y="6866"/>
                </a:lnTo>
                <a:lnTo>
                  <a:pt x="3811" y="15173"/>
                </a:lnTo>
                <a:cubicBezTo>
                  <a:pt x="3811" y="16377"/>
                  <a:pt x="3781" y="17154"/>
                  <a:pt x="3727" y="17450"/>
                </a:cubicBezTo>
                <a:cubicBezTo>
                  <a:pt x="3674" y="17766"/>
                  <a:pt x="3547" y="17934"/>
                  <a:pt x="3361" y="17934"/>
                </a:cubicBezTo>
                <a:cubicBezTo>
                  <a:pt x="3161" y="17934"/>
                  <a:pt x="3040" y="17785"/>
                  <a:pt x="2986" y="17510"/>
                </a:cubicBezTo>
                <a:cubicBezTo>
                  <a:pt x="2933" y="17235"/>
                  <a:pt x="2910" y="16501"/>
                  <a:pt x="2910" y="15318"/>
                </a:cubicBezTo>
                <a:lnTo>
                  <a:pt x="2910" y="6830"/>
                </a:lnTo>
                <a:lnTo>
                  <a:pt x="0" y="6757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46" name="Line">
            <a:extLst>
              <a:ext uri="{FF2B5EF4-FFF2-40B4-BE49-F238E27FC236}">
                <a16:creationId xmlns:a16="http://schemas.microsoft.com/office/drawing/2014/main" id="{996DD713-65BA-5E2F-257A-702A1E793D1B}"/>
              </a:ext>
            </a:extLst>
          </p:cNvPr>
          <p:cNvSpPr/>
          <p:nvPr userDrawn="1"/>
        </p:nvSpPr>
        <p:spPr>
          <a:xfrm flipV="1">
            <a:off x="5903617" y="861922"/>
            <a:ext cx="1" cy="5134156"/>
          </a:xfrm>
          <a:prstGeom prst="line">
            <a:avLst/>
          </a:prstGeom>
          <a:ln>
            <a:solidFill>
              <a:schemeClr val="accent1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47" name="Triangle">
            <a:extLst>
              <a:ext uri="{FF2B5EF4-FFF2-40B4-BE49-F238E27FC236}">
                <a16:creationId xmlns:a16="http://schemas.microsoft.com/office/drawing/2014/main" id="{C52B61BF-6C04-1C31-935E-9DC0B4768A10}"/>
              </a:ext>
            </a:extLst>
          </p:cNvPr>
          <p:cNvSpPr/>
          <p:nvPr userDrawn="1"/>
        </p:nvSpPr>
        <p:spPr>
          <a:xfrm rot="5400000">
            <a:off x="4683308" y="3240174"/>
            <a:ext cx="761779" cy="377652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10800" y="0"/>
                </a:moveTo>
                <a:lnTo>
                  <a:pt x="21600" y="21600"/>
                </a:lnTo>
                <a:lnTo>
                  <a:pt x="0" y="2160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48" name="Triangle">
            <a:extLst>
              <a:ext uri="{FF2B5EF4-FFF2-40B4-BE49-F238E27FC236}">
                <a16:creationId xmlns:a16="http://schemas.microsoft.com/office/drawing/2014/main" id="{F37922B5-4552-41A1-AF11-1A49893BF4E4}"/>
              </a:ext>
            </a:extLst>
          </p:cNvPr>
          <p:cNvSpPr/>
          <p:nvPr userDrawn="1"/>
        </p:nvSpPr>
        <p:spPr>
          <a:xfrm rot="5400000">
            <a:off x="3407755" y="3240174"/>
            <a:ext cx="761779" cy="377652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10800" y="0"/>
                </a:moveTo>
                <a:lnTo>
                  <a:pt x="21600" y="21600"/>
                </a:lnTo>
                <a:lnTo>
                  <a:pt x="0" y="2160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012840CF-B2BE-ECF2-AF33-CB0958D6CB95}"/>
              </a:ext>
            </a:extLst>
          </p:cNvPr>
          <p:cNvSpPr txBox="1"/>
          <p:nvPr userDrawn="1"/>
        </p:nvSpPr>
        <p:spPr>
          <a:xfrm>
            <a:off x="-71438" y="-356115"/>
            <a:ext cx="92396" cy="369330"/>
          </a:xfrm>
          <a:prstGeom prst="rect">
            <a:avLst/>
          </a:prstGeom>
          <a:noFill/>
          <a:ln w="12700" cap="flat">
            <a:noFill/>
            <a:miter lim="400000"/>
          </a:ln>
          <a:effectLst/>
          <a:sp3d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ctr">
            <a:spAutoFit/>
          </a:bodyPr>
          <a:lstStyle/>
          <a:p>
            <a:pPr marL="0" marR="0" indent="0" algn="l" defTabSz="914400" rtl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800" b="0" i="0" u="none" strike="noStrike" cap="none" spc="0" normalizeH="0" baseline="0" dirty="0">
              <a:ln>
                <a:noFill/>
              </a:ln>
              <a:solidFill>
                <a:srgbClr val="575757"/>
              </a:solidFill>
              <a:effectLst/>
              <a:uFillTx/>
              <a:latin typeface="PolySans Slim" pitchFamily="2" charset="77"/>
              <a:ea typeface="+mn-ea"/>
              <a:cs typeface="+mn-cs"/>
              <a:sym typeface="Raleway"/>
            </a:endParaRPr>
          </a:p>
        </p:txBody>
      </p:sp>
    </p:spTree>
    <p:extLst>
      <p:ext uri="{BB962C8B-B14F-4D97-AF65-F5344CB8AC3E}">
        <p14:creationId xmlns:p14="http://schemas.microsoft.com/office/powerpoint/2010/main" val="297320900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">
            <a:extLst>
              <a:ext uri="{FF2B5EF4-FFF2-40B4-BE49-F238E27FC236}">
                <a16:creationId xmlns:a16="http://schemas.microsoft.com/office/drawing/2014/main" id="{38DCBFB9-94EB-46EE-10BD-C9A65728132B}"/>
              </a:ext>
            </a:extLst>
          </p:cNvPr>
          <p:cNvSpPr/>
          <p:nvPr userDrawn="1"/>
        </p:nvSpPr>
        <p:spPr>
          <a:xfrm>
            <a:off x="5397" y="5397"/>
            <a:ext cx="12192001" cy="3418206"/>
          </a:xfrm>
          <a:prstGeom prst="rect">
            <a:avLst/>
          </a:pr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10" name="Shape">
            <a:extLst>
              <a:ext uri="{FF2B5EF4-FFF2-40B4-BE49-F238E27FC236}">
                <a16:creationId xmlns:a16="http://schemas.microsoft.com/office/drawing/2014/main" id="{A5D50738-DECC-F949-33A0-DAA25E9C22D3}"/>
              </a:ext>
            </a:extLst>
          </p:cNvPr>
          <p:cNvSpPr/>
          <p:nvPr userDrawn="1"/>
        </p:nvSpPr>
        <p:spPr>
          <a:xfrm>
            <a:off x="-1" y="4166620"/>
            <a:ext cx="238761" cy="75692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13672" y="21600"/>
                </a:lnTo>
                <a:lnTo>
                  <a:pt x="21600" y="10800"/>
                </a:lnTo>
                <a:lnTo>
                  <a:pt x="13672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88FF537C-0E1E-6EFD-9845-4E1C5116CE9D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5954713" y="565150"/>
            <a:ext cx="5710237" cy="5724525"/>
          </a:xfrm>
          <a:prstGeom prst="rect">
            <a:avLst/>
          </a:prstGeom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BEDEBB21-D81A-5C4D-BEEC-0C806E62C95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52450" y="4166620"/>
            <a:ext cx="4639310" cy="1976437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5000" b="1" i="0">
                <a:solidFill>
                  <a:schemeClr val="bg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Title page primary green lorem ipsum</a:t>
            </a:r>
          </a:p>
        </p:txBody>
      </p:sp>
    </p:spTree>
    <p:extLst>
      <p:ext uri="{BB962C8B-B14F-4D97-AF65-F5344CB8AC3E}">
        <p14:creationId xmlns:p14="http://schemas.microsoft.com/office/powerpoint/2010/main" val="217867909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33D1169F-1C3A-A3A9-45D9-A8458B225FC1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3" name="Text Placeholder 10">
            <a:extLst>
              <a:ext uri="{FF2B5EF4-FFF2-40B4-BE49-F238E27FC236}">
                <a16:creationId xmlns:a16="http://schemas.microsoft.com/office/drawing/2014/main" id="{A21989F7-4C2B-B044-B3F6-0A28923715A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48005" y="2475548"/>
            <a:ext cx="8534400" cy="2301875"/>
          </a:xfrm>
        </p:spPr>
        <p:txBody>
          <a:bodyPr/>
          <a:lstStyle>
            <a:lvl1pPr>
              <a:lnSpc>
                <a:spcPct val="100000"/>
              </a:lnSpc>
              <a:defRPr sz="5400" b="1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Great things are done by </a:t>
            </a:r>
            <a:br>
              <a:rPr lang="en-US" dirty="0"/>
            </a:br>
            <a:r>
              <a:rPr lang="en-US" dirty="0"/>
              <a:t>a series of small things brought together.</a:t>
            </a:r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68210621-2B58-4B44-B30C-C541D768318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28649" y="5123034"/>
            <a:ext cx="4433887" cy="419735"/>
          </a:xfrm>
        </p:spPr>
        <p:txBody>
          <a:bodyPr/>
          <a:lstStyle>
            <a:lvl1pPr>
              <a:defRPr sz="23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—Vincent Van Gogh</a:t>
            </a:r>
          </a:p>
        </p:txBody>
      </p:sp>
    </p:spTree>
    <p:extLst>
      <p:ext uri="{BB962C8B-B14F-4D97-AF65-F5344CB8AC3E}">
        <p14:creationId xmlns:p14="http://schemas.microsoft.com/office/powerpoint/2010/main" val="281481697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003A9F8C-D503-0DC7-557C-5CCB9713ECE3}"/>
              </a:ext>
            </a:extLst>
          </p:cNvPr>
          <p:cNvSpPr/>
          <p:nvPr userDrawn="1"/>
        </p:nvSpPr>
        <p:spPr>
          <a:xfrm rot="16200000" flipH="1">
            <a:off x="0" y="5089885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grpSp>
        <p:nvGrpSpPr>
          <p:cNvPr id="9" name="Group">
            <a:extLst>
              <a:ext uri="{FF2B5EF4-FFF2-40B4-BE49-F238E27FC236}">
                <a16:creationId xmlns:a16="http://schemas.microsoft.com/office/drawing/2014/main" id="{AD66F007-DAE0-162D-1A8C-91A7A0E133A0}"/>
              </a:ext>
            </a:extLst>
          </p:cNvPr>
          <p:cNvGrpSpPr/>
          <p:nvPr userDrawn="1"/>
        </p:nvGrpSpPr>
        <p:grpSpPr>
          <a:xfrm>
            <a:off x="8126793" y="0"/>
            <a:ext cx="4065208" cy="2033829"/>
            <a:chOff x="0" y="0"/>
            <a:chExt cx="4065206" cy="2033828"/>
          </a:xfrm>
        </p:grpSpPr>
        <p:sp>
          <p:nvSpPr>
            <p:cNvPr id="10" name="Triangle">
              <a:extLst>
                <a:ext uri="{FF2B5EF4-FFF2-40B4-BE49-F238E27FC236}">
                  <a16:creationId xmlns:a16="http://schemas.microsoft.com/office/drawing/2014/main" id="{6F90A963-0755-3532-2A8B-0FB95FE03228}"/>
                </a:ext>
              </a:extLst>
            </p:cNvPr>
            <p:cNvSpPr/>
            <p:nvPr/>
          </p:nvSpPr>
          <p:spPr>
            <a:xfrm rot="10800000">
              <a:off x="3048292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1" name="Triangle">
              <a:extLst>
                <a:ext uri="{FF2B5EF4-FFF2-40B4-BE49-F238E27FC236}">
                  <a16:creationId xmlns:a16="http://schemas.microsoft.com/office/drawing/2014/main" id="{E3D4018C-1AEC-D25B-E6AA-C1C70D670922}"/>
                </a:ext>
              </a:extLst>
            </p:cNvPr>
            <p:cNvSpPr/>
            <p:nvPr/>
          </p:nvSpPr>
          <p:spPr>
            <a:xfrm rot="10800000">
              <a:off x="2031377" y="0"/>
              <a:ext cx="1016916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2" name="Triangle">
              <a:extLst>
                <a:ext uri="{FF2B5EF4-FFF2-40B4-BE49-F238E27FC236}">
                  <a16:creationId xmlns:a16="http://schemas.microsoft.com/office/drawing/2014/main" id="{1522F0E2-F288-9115-2F8B-6BE97954C63E}"/>
                </a:ext>
              </a:extLst>
            </p:cNvPr>
            <p:cNvSpPr/>
            <p:nvPr/>
          </p:nvSpPr>
          <p:spPr>
            <a:xfrm rot="10800000">
              <a:off x="1016914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3" name="Triangle">
              <a:extLst>
                <a:ext uri="{FF2B5EF4-FFF2-40B4-BE49-F238E27FC236}">
                  <a16:creationId xmlns:a16="http://schemas.microsoft.com/office/drawing/2014/main" id="{421742F6-1041-B2E9-F8ED-0BC4506A4CEF}"/>
                </a:ext>
              </a:extLst>
            </p:cNvPr>
            <p:cNvSpPr/>
            <p:nvPr/>
          </p:nvSpPr>
          <p:spPr>
            <a:xfrm rot="10800000">
              <a:off x="0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4" name="Triangle">
              <a:extLst>
                <a:ext uri="{FF2B5EF4-FFF2-40B4-BE49-F238E27FC236}">
                  <a16:creationId xmlns:a16="http://schemas.microsoft.com/office/drawing/2014/main" id="{0984AF3B-1294-6214-2557-ECEE0C91021E}"/>
                </a:ext>
              </a:extLst>
            </p:cNvPr>
            <p:cNvSpPr/>
            <p:nvPr/>
          </p:nvSpPr>
          <p:spPr>
            <a:xfrm rot="10800000">
              <a:off x="3048292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5" name="Triangle">
              <a:extLst>
                <a:ext uri="{FF2B5EF4-FFF2-40B4-BE49-F238E27FC236}">
                  <a16:creationId xmlns:a16="http://schemas.microsoft.com/office/drawing/2014/main" id="{C78C5DE3-6632-05FF-A6E5-823074E65632}"/>
                </a:ext>
              </a:extLst>
            </p:cNvPr>
            <p:cNvSpPr/>
            <p:nvPr/>
          </p:nvSpPr>
          <p:spPr>
            <a:xfrm rot="10800000">
              <a:off x="2031377" y="1016914"/>
              <a:ext cx="1016916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6" name="Triangle">
              <a:extLst>
                <a:ext uri="{FF2B5EF4-FFF2-40B4-BE49-F238E27FC236}">
                  <a16:creationId xmlns:a16="http://schemas.microsoft.com/office/drawing/2014/main" id="{B417F9DC-BEA3-DFDA-AF7C-93B663701C8E}"/>
                </a:ext>
              </a:extLst>
            </p:cNvPr>
            <p:cNvSpPr/>
            <p:nvPr/>
          </p:nvSpPr>
          <p:spPr>
            <a:xfrm rot="10800000">
              <a:off x="1016914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7" name="Triangle">
              <a:extLst>
                <a:ext uri="{FF2B5EF4-FFF2-40B4-BE49-F238E27FC236}">
                  <a16:creationId xmlns:a16="http://schemas.microsoft.com/office/drawing/2014/main" id="{35A1E477-5E7E-AEFE-C5FD-B87AD2A77CE8}"/>
                </a:ext>
              </a:extLst>
            </p:cNvPr>
            <p:cNvSpPr/>
            <p:nvPr/>
          </p:nvSpPr>
          <p:spPr>
            <a:xfrm rot="10800000">
              <a:off x="0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</p:grpSp>
      <p:sp>
        <p:nvSpPr>
          <p:cNvPr id="22" name="Shape">
            <a:extLst>
              <a:ext uri="{FF2B5EF4-FFF2-40B4-BE49-F238E27FC236}">
                <a16:creationId xmlns:a16="http://schemas.microsoft.com/office/drawing/2014/main" id="{DDC7AC32-59F5-54A3-38B9-45F62189E6CC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80556E49-B407-9A4D-A42F-381AD0778903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34035" y="553357"/>
            <a:ext cx="4991100" cy="1393825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4400" b="1" i="0"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wo line headline here</a:t>
            </a:r>
          </a:p>
        </p:txBody>
      </p:sp>
      <p:sp>
        <p:nvSpPr>
          <p:cNvPr id="37" name="Text Placeholder 36">
            <a:extLst>
              <a:ext uri="{FF2B5EF4-FFF2-40B4-BE49-F238E27FC236}">
                <a16:creationId xmlns:a16="http://schemas.microsoft.com/office/drawing/2014/main" id="{DC4B4D84-0DC9-6A40-9B5E-1291239BA8C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0858" y="2904173"/>
            <a:ext cx="4991100" cy="3121978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2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  <p:sp>
        <p:nvSpPr>
          <p:cNvPr id="41" name="Text Placeholder 36">
            <a:extLst>
              <a:ext uri="{FF2B5EF4-FFF2-40B4-BE49-F238E27FC236}">
                <a16:creationId xmlns:a16="http://schemas.microsoft.com/office/drawing/2014/main" id="{88FC78F0-51C5-AA49-9597-2E48D7073ED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03306" y="2904173"/>
            <a:ext cx="4991100" cy="3121978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2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C8F74ACA-ABF6-A840-AE23-32D5728E24D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71500" y="2224088"/>
            <a:ext cx="4991100" cy="392112"/>
          </a:xfrm>
        </p:spPr>
        <p:txBody>
          <a:bodyPr>
            <a:noAutofit/>
          </a:bodyPr>
          <a:lstStyle>
            <a:lvl1pPr>
              <a:defRPr sz="2400"/>
            </a:lvl1pPr>
          </a:lstStyle>
          <a:p>
            <a:pPr lvl="0"/>
            <a:r>
              <a:rPr lang="en-US" dirty="0"/>
              <a:t>Insert subhead her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CCF8EC91-DE7A-124F-92BA-DE28FD97674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496050" y="2224088"/>
            <a:ext cx="4991100" cy="392112"/>
          </a:xfrm>
        </p:spPr>
        <p:txBody>
          <a:bodyPr>
            <a:noAutofit/>
          </a:bodyPr>
          <a:lstStyle>
            <a:lvl1pPr>
              <a:defRPr sz="2400"/>
            </a:lvl1pPr>
          </a:lstStyle>
          <a:p>
            <a:pPr lvl="0"/>
            <a:r>
              <a:rPr lang="en-US" dirty="0"/>
              <a:t>Insert subhead here</a:t>
            </a:r>
          </a:p>
        </p:txBody>
      </p:sp>
    </p:spTree>
    <p:extLst>
      <p:ext uri="{BB962C8B-B14F-4D97-AF65-F5344CB8AC3E}">
        <p14:creationId xmlns:p14="http://schemas.microsoft.com/office/powerpoint/2010/main" val="75265248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003A9F8C-D503-0DC7-557C-5CCB9713ECE3}"/>
              </a:ext>
            </a:extLst>
          </p:cNvPr>
          <p:cNvSpPr/>
          <p:nvPr userDrawn="1"/>
        </p:nvSpPr>
        <p:spPr>
          <a:xfrm rot="16200000" flipH="1">
            <a:off x="0" y="5089885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grpSp>
        <p:nvGrpSpPr>
          <p:cNvPr id="9" name="Group">
            <a:extLst>
              <a:ext uri="{FF2B5EF4-FFF2-40B4-BE49-F238E27FC236}">
                <a16:creationId xmlns:a16="http://schemas.microsoft.com/office/drawing/2014/main" id="{AD66F007-DAE0-162D-1A8C-91A7A0E133A0}"/>
              </a:ext>
            </a:extLst>
          </p:cNvPr>
          <p:cNvGrpSpPr/>
          <p:nvPr userDrawn="1"/>
        </p:nvGrpSpPr>
        <p:grpSpPr>
          <a:xfrm>
            <a:off x="8126793" y="0"/>
            <a:ext cx="4065208" cy="2033829"/>
            <a:chOff x="0" y="0"/>
            <a:chExt cx="4065206" cy="2033828"/>
          </a:xfrm>
        </p:grpSpPr>
        <p:sp>
          <p:nvSpPr>
            <p:cNvPr id="10" name="Triangle">
              <a:extLst>
                <a:ext uri="{FF2B5EF4-FFF2-40B4-BE49-F238E27FC236}">
                  <a16:creationId xmlns:a16="http://schemas.microsoft.com/office/drawing/2014/main" id="{6F90A963-0755-3532-2A8B-0FB95FE03228}"/>
                </a:ext>
              </a:extLst>
            </p:cNvPr>
            <p:cNvSpPr/>
            <p:nvPr/>
          </p:nvSpPr>
          <p:spPr>
            <a:xfrm rot="10800000">
              <a:off x="3048292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1" name="Triangle">
              <a:extLst>
                <a:ext uri="{FF2B5EF4-FFF2-40B4-BE49-F238E27FC236}">
                  <a16:creationId xmlns:a16="http://schemas.microsoft.com/office/drawing/2014/main" id="{E3D4018C-1AEC-D25B-E6AA-C1C70D670922}"/>
                </a:ext>
              </a:extLst>
            </p:cNvPr>
            <p:cNvSpPr/>
            <p:nvPr/>
          </p:nvSpPr>
          <p:spPr>
            <a:xfrm rot="10800000">
              <a:off x="2031377" y="0"/>
              <a:ext cx="1016916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2" name="Triangle">
              <a:extLst>
                <a:ext uri="{FF2B5EF4-FFF2-40B4-BE49-F238E27FC236}">
                  <a16:creationId xmlns:a16="http://schemas.microsoft.com/office/drawing/2014/main" id="{1522F0E2-F288-9115-2F8B-6BE97954C63E}"/>
                </a:ext>
              </a:extLst>
            </p:cNvPr>
            <p:cNvSpPr/>
            <p:nvPr/>
          </p:nvSpPr>
          <p:spPr>
            <a:xfrm rot="10800000">
              <a:off x="1016914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3" name="Triangle">
              <a:extLst>
                <a:ext uri="{FF2B5EF4-FFF2-40B4-BE49-F238E27FC236}">
                  <a16:creationId xmlns:a16="http://schemas.microsoft.com/office/drawing/2014/main" id="{421742F6-1041-B2E9-F8ED-0BC4506A4CEF}"/>
                </a:ext>
              </a:extLst>
            </p:cNvPr>
            <p:cNvSpPr/>
            <p:nvPr/>
          </p:nvSpPr>
          <p:spPr>
            <a:xfrm rot="10800000">
              <a:off x="0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4" name="Triangle">
              <a:extLst>
                <a:ext uri="{FF2B5EF4-FFF2-40B4-BE49-F238E27FC236}">
                  <a16:creationId xmlns:a16="http://schemas.microsoft.com/office/drawing/2014/main" id="{0984AF3B-1294-6214-2557-ECEE0C91021E}"/>
                </a:ext>
              </a:extLst>
            </p:cNvPr>
            <p:cNvSpPr/>
            <p:nvPr/>
          </p:nvSpPr>
          <p:spPr>
            <a:xfrm rot="10800000">
              <a:off x="3048292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5" name="Triangle">
              <a:extLst>
                <a:ext uri="{FF2B5EF4-FFF2-40B4-BE49-F238E27FC236}">
                  <a16:creationId xmlns:a16="http://schemas.microsoft.com/office/drawing/2014/main" id="{C78C5DE3-6632-05FF-A6E5-823074E65632}"/>
                </a:ext>
              </a:extLst>
            </p:cNvPr>
            <p:cNvSpPr/>
            <p:nvPr/>
          </p:nvSpPr>
          <p:spPr>
            <a:xfrm rot="10800000">
              <a:off x="2031377" y="1016914"/>
              <a:ext cx="1016916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6" name="Triangle">
              <a:extLst>
                <a:ext uri="{FF2B5EF4-FFF2-40B4-BE49-F238E27FC236}">
                  <a16:creationId xmlns:a16="http://schemas.microsoft.com/office/drawing/2014/main" id="{B417F9DC-BEA3-DFDA-AF7C-93B663701C8E}"/>
                </a:ext>
              </a:extLst>
            </p:cNvPr>
            <p:cNvSpPr/>
            <p:nvPr/>
          </p:nvSpPr>
          <p:spPr>
            <a:xfrm rot="10800000">
              <a:off x="1016914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7" name="Triangle">
              <a:extLst>
                <a:ext uri="{FF2B5EF4-FFF2-40B4-BE49-F238E27FC236}">
                  <a16:creationId xmlns:a16="http://schemas.microsoft.com/office/drawing/2014/main" id="{35A1E477-5E7E-AEFE-C5FD-B87AD2A77CE8}"/>
                </a:ext>
              </a:extLst>
            </p:cNvPr>
            <p:cNvSpPr/>
            <p:nvPr/>
          </p:nvSpPr>
          <p:spPr>
            <a:xfrm rot="10800000">
              <a:off x="0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</p:grpSp>
      <p:grpSp>
        <p:nvGrpSpPr>
          <p:cNvPr id="18" name="Group">
            <a:extLst>
              <a:ext uri="{FF2B5EF4-FFF2-40B4-BE49-F238E27FC236}">
                <a16:creationId xmlns:a16="http://schemas.microsoft.com/office/drawing/2014/main" id="{D539CBEB-8FC1-8DBA-2A1F-56313D055B09}"/>
              </a:ext>
            </a:extLst>
          </p:cNvPr>
          <p:cNvGrpSpPr/>
          <p:nvPr userDrawn="1"/>
        </p:nvGrpSpPr>
        <p:grpSpPr>
          <a:xfrm>
            <a:off x="5872463" y="2271922"/>
            <a:ext cx="91172" cy="3629661"/>
            <a:chOff x="0" y="0"/>
            <a:chExt cx="91171" cy="3629660"/>
          </a:xfrm>
        </p:grpSpPr>
        <p:sp>
          <p:nvSpPr>
            <p:cNvPr id="19" name="Line">
              <a:extLst>
                <a:ext uri="{FF2B5EF4-FFF2-40B4-BE49-F238E27FC236}">
                  <a16:creationId xmlns:a16="http://schemas.microsoft.com/office/drawing/2014/main" id="{FCA22178-1E26-477C-ED29-5A0B4E6531B1}"/>
                </a:ext>
              </a:extLst>
            </p:cNvPr>
            <p:cNvSpPr/>
            <p:nvPr/>
          </p:nvSpPr>
          <p:spPr>
            <a:xfrm flipV="1">
              <a:off x="-1" y="0"/>
              <a:ext cx="2" cy="3629661"/>
            </a:xfrm>
            <a:prstGeom prst="line">
              <a:avLst/>
            </a:prstGeom>
            <a:noFill/>
            <a:ln w="10795" cap="flat">
              <a:solidFill>
                <a:schemeClr val="accent1">
                  <a:hueOff val="4599999"/>
                  <a:satOff val="-47058"/>
                  <a:lumOff val="-30000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t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20" name="Triangle">
              <a:extLst>
                <a:ext uri="{FF2B5EF4-FFF2-40B4-BE49-F238E27FC236}">
                  <a16:creationId xmlns:a16="http://schemas.microsoft.com/office/drawing/2014/main" id="{76000DCB-E908-7CCA-5B51-CC37E7B40BB0}"/>
                </a:ext>
              </a:extLst>
            </p:cNvPr>
            <p:cNvSpPr/>
            <p:nvPr/>
          </p:nvSpPr>
          <p:spPr>
            <a:xfrm rot="5400000">
              <a:off x="-46368" y="1769244"/>
              <a:ext cx="183908" cy="9117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10800" y="0"/>
                  </a:moveTo>
                  <a:lnTo>
                    <a:pt x="21600" y="21600"/>
                  </a:lnTo>
                  <a:lnTo>
                    <a:pt x="0" y="21600"/>
                  </a:lnTo>
                  <a:close/>
                </a:path>
              </a:pathLst>
            </a:custGeom>
            <a:solidFill>
              <a:schemeClr val="accent1">
                <a:hueOff val="4599999"/>
                <a:satOff val="-47058"/>
                <a:lumOff val="-30000"/>
              </a:schemeClr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</p:grpSp>
      <p:sp>
        <p:nvSpPr>
          <p:cNvPr id="22" name="Shape">
            <a:extLst>
              <a:ext uri="{FF2B5EF4-FFF2-40B4-BE49-F238E27FC236}">
                <a16:creationId xmlns:a16="http://schemas.microsoft.com/office/drawing/2014/main" id="{DDC7AC32-59F5-54A3-38B9-45F62189E6CC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80556E49-B407-9A4D-A42F-381AD0778903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34035" y="553357"/>
            <a:ext cx="4991100" cy="1393825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4400" b="1" i="0"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wo line headline here</a:t>
            </a:r>
          </a:p>
        </p:txBody>
      </p:sp>
      <p:sp>
        <p:nvSpPr>
          <p:cNvPr id="21" name="Picture Placeholder 2">
            <a:extLst>
              <a:ext uri="{FF2B5EF4-FFF2-40B4-BE49-F238E27FC236}">
                <a16:creationId xmlns:a16="http://schemas.microsoft.com/office/drawing/2014/main" id="{2E556CC0-90B9-1346-BCD0-6852D47210F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70858" y="2223700"/>
            <a:ext cx="4991100" cy="3910012"/>
          </a:xfrm>
        </p:spPr>
        <p:txBody>
          <a:bodyPr anchor="ctr"/>
          <a:lstStyle>
            <a:lvl1pPr algn="ctr">
              <a:defRPr/>
            </a:lvl1pPr>
          </a:lstStyle>
          <a:p>
            <a:endParaRPr lang="en-US" dirty="0"/>
          </a:p>
        </p:txBody>
      </p:sp>
      <p:sp>
        <p:nvSpPr>
          <p:cNvPr id="23" name="Text Placeholder 36">
            <a:extLst>
              <a:ext uri="{FF2B5EF4-FFF2-40B4-BE49-F238E27FC236}">
                <a16:creationId xmlns:a16="http://schemas.microsoft.com/office/drawing/2014/main" id="{C1767A3A-176A-2844-93B4-7C0403CD84E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03306" y="2904173"/>
            <a:ext cx="4991100" cy="3229540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2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57D0E7E2-0A49-A64D-893A-EAD315F5FDB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496050" y="2224088"/>
            <a:ext cx="4991100" cy="392112"/>
          </a:xfrm>
        </p:spPr>
        <p:txBody>
          <a:bodyPr>
            <a:noAutofit/>
          </a:bodyPr>
          <a:lstStyle>
            <a:lvl1pPr>
              <a:defRPr sz="2400"/>
            </a:lvl1pPr>
          </a:lstStyle>
          <a:p>
            <a:pPr lvl="0"/>
            <a:r>
              <a:rPr lang="en-US" dirty="0"/>
              <a:t>Insert subhead here</a:t>
            </a:r>
          </a:p>
        </p:txBody>
      </p:sp>
    </p:spTree>
    <p:extLst>
      <p:ext uri="{BB962C8B-B14F-4D97-AF65-F5344CB8AC3E}">
        <p14:creationId xmlns:p14="http://schemas.microsoft.com/office/powerpoint/2010/main" val="23184242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FCC58475-555E-BD6C-2F34-17C7404A34B6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9" name="Shape">
            <a:extLst>
              <a:ext uri="{FF2B5EF4-FFF2-40B4-BE49-F238E27FC236}">
                <a16:creationId xmlns:a16="http://schemas.microsoft.com/office/drawing/2014/main" id="{0E927468-1D1C-A5BD-B154-DB3979B2B8CA}"/>
              </a:ext>
            </a:extLst>
          </p:cNvPr>
          <p:cNvSpPr/>
          <p:nvPr userDrawn="1"/>
        </p:nvSpPr>
        <p:spPr>
          <a:xfrm>
            <a:off x="5911056" y="0"/>
            <a:ext cx="6280944" cy="6858000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611" y="0"/>
                </a:moveTo>
                <a:lnTo>
                  <a:pt x="3611" y="7584"/>
                </a:lnTo>
                <a:cubicBezTo>
                  <a:pt x="3584" y="8460"/>
                  <a:pt x="3188" y="9252"/>
                  <a:pt x="2556" y="9830"/>
                </a:cubicBezTo>
                <a:cubicBezTo>
                  <a:pt x="1902" y="10430"/>
                  <a:pt x="998" y="10800"/>
                  <a:pt x="0" y="10800"/>
                </a:cubicBezTo>
                <a:cubicBezTo>
                  <a:pt x="998" y="10800"/>
                  <a:pt x="1902" y="11170"/>
                  <a:pt x="2556" y="11770"/>
                </a:cubicBezTo>
                <a:cubicBezTo>
                  <a:pt x="3188" y="12348"/>
                  <a:pt x="3584" y="13140"/>
                  <a:pt x="3611" y="14016"/>
                </a:cubicBezTo>
                <a:lnTo>
                  <a:pt x="3611" y="21600"/>
                </a:lnTo>
                <a:lnTo>
                  <a:pt x="21600" y="21600"/>
                </a:lnTo>
                <a:lnTo>
                  <a:pt x="21600" y="0"/>
                </a:lnTo>
                <a:lnTo>
                  <a:pt x="3611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1" name="Shape">
            <a:extLst>
              <a:ext uri="{FF2B5EF4-FFF2-40B4-BE49-F238E27FC236}">
                <a16:creationId xmlns:a16="http://schemas.microsoft.com/office/drawing/2014/main" id="{13C34C93-A947-E368-B0A4-37B95567EE9A}"/>
              </a:ext>
            </a:extLst>
          </p:cNvPr>
          <p:cNvSpPr/>
          <p:nvPr userDrawn="1"/>
        </p:nvSpPr>
        <p:spPr>
          <a:xfrm>
            <a:off x="10423886" y="0"/>
            <a:ext cx="1768115" cy="1768114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6" name="Shape">
            <a:extLst>
              <a:ext uri="{FF2B5EF4-FFF2-40B4-BE49-F238E27FC236}">
                <a16:creationId xmlns:a16="http://schemas.microsoft.com/office/drawing/2014/main" id="{70C63ED9-9B97-DFD4-DF28-DFF2A7CC4830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870E5928-D405-694D-B6A4-D5EFDC7CD41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34035" y="553357"/>
            <a:ext cx="4991100" cy="1393825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4400" b="1" i="0"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wo line headline here</a:t>
            </a:r>
          </a:p>
        </p:txBody>
      </p:sp>
      <p:sp>
        <p:nvSpPr>
          <p:cNvPr id="12" name="Text Placeholder 36">
            <a:extLst>
              <a:ext uri="{FF2B5EF4-FFF2-40B4-BE49-F238E27FC236}">
                <a16:creationId xmlns:a16="http://schemas.microsoft.com/office/drawing/2014/main" id="{5627646D-A8E0-3648-87F3-F6EDFDCC11B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0858" y="2904173"/>
            <a:ext cx="4991100" cy="3121978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2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E91CA9F8-2405-6F49-A49C-48DB566202A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71500" y="2224088"/>
            <a:ext cx="4991100" cy="392112"/>
          </a:xfrm>
        </p:spPr>
        <p:txBody>
          <a:bodyPr>
            <a:noAutofit/>
          </a:bodyPr>
          <a:lstStyle>
            <a:lvl1pPr>
              <a:defRPr sz="2400"/>
            </a:lvl1pPr>
          </a:lstStyle>
          <a:p>
            <a:pPr lvl="0"/>
            <a:r>
              <a:rPr lang="en-US" dirty="0"/>
              <a:t>Insert subhead here</a:t>
            </a:r>
          </a:p>
        </p:txBody>
      </p:sp>
    </p:spTree>
    <p:extLst>
      <p:ext uri="{BB962C8B-B14F-4D97-AF65-F5344CB8AC3E}">
        <p14:creationId xmlns:p14="http://schemas.microsoft.com/office/powerpoint/2010/main" val="30558696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6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4" name="Text Placeholder 3">
            <a:extLst>
              <a:ext uri="{FF2B5EF4-FFF2-40B4-BE49-F238E27FC236}">
                <a16:creationId xmlns:a16="http://schemas.microsoft.com/office/drawing/2014/main" id="{E4F3ADB0-163A-5948-8D5F-AD575BBA4DB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56093" y="2126160"/>
            <a:ext cx="7312025" cy="2607659"/>
          </a:xfrm>
        </p:spPr>
        <p:txBody>
          <a:bodyPr anchor="t">
            <a:noAutofit/>
          </a:bodyPr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000" b="1" i="0">
                <a:latin typeface="PolySans Bulky" pitchFamily="2" charset="77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Insert title here</a:t>
            </a:r>
            <a:br>
              <a:rPr lang="en-US" dirty="0"/>
            </a:br>
            <a:r>
              <a:rPr lang="en-US" dirty="0"/>
              <a:t>Insert title here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Insert title here</a:t>
            </a:r>
          </a:p>
        </p:txBody>
      </p:sp>
      <p:sp>
        <p:nvSpPr>
          <p:cNvPr id="75" name="Text Placeholder 5">
            <a:extLst>
              <a:ext uri="{FF2B5EF4-FFF2-40B4-BE49-F238E27FC236}">
                <a16:creationId xmlns:a16="http://schemas.microsoft.com/office/drawing/2014/main" id="{60202547-E906-3845-BA2A-B1FDCBA9560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538715" y="4909928"/>
            <a:ext cx="7329403" cy="372269"/>
          </a:xfrm>
        </p:spPr>
        <p:txBody>
          <a:bodyPr>
            <a:normAutofit/>
          </a:bodyPr>
          <a:lstStyle>
            <a:lvl1pPr>
              <a:defRPr sz="2400"/>
            </a:lvl1pPr>
          </a:lstStyle>
          <a:p>
            <a:r>
              <a:rPr lang="en-CA" dirty="0">
                <a:latin typeface="PolySans Slim" pitchFamily="2" charset="77"/>
              </a:rPr>
              <a:t>Secondary title here</a:t>
            </a:r>
          </a:p>
        </p:txBody>
      </p:sp>
      <p:sp>
        <p:nvSpPr>
          <p:cNvPr id="76" name="Text Placeholder 7">
            <a:extLst>
              <a:ext uri="{FF2B5EF4-FFF2-40B4-BE49-F238E27FC236}">
                <a16:creationId xmlns:a16="http://schemas.microsoft.com/office/drawing/2014/main" id="{A5084EB1-8ADF-CF4B-B9A8-5F0F0C215359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8715" y="5519897"/>
            <a:ext cx="7329403" cy="428625"/>
          </a:xfrm>
        </p:spPr>
        <p:txBody>
          <a:bodyPr/>
          <a:lstStyle/>
          <a:p>
            <a:r>
              <a:rPr lang="en-CA" dirty="0">
                <a:latin typeface="PolySans Slim" pitchFamily="2" charset="77"/>
              </a:rPr>
              <a:t>Date • Presentation Name</a:t>
            </a:r>
          </a:p>
        </p:txBody>
      </p:sp>
      <p:sp>
        <p:nvSpPr>
          <p:cNvPr id="11" name="Triangle">
            <a:extLst>
              <a:ext uri="{FF2B5EF4-FFF2-40B4-BE49-F238E27FC236}">
                <a16:creationId xmlns:a16="http://schemas.microsoft.com/office/drawing/2014/main" id="{85B2158C-5366-DC40-9D33-C40C73DED1ED}"/>
              </a:ext>
            </a:extLst>
          </p:cNvPr>
          <p:cNvSpPr/>
          <p:nvPr userDrawn="1"/>
        </p:nvSpPr>
        <p:spPr>
          <a:xfrm rot="10800000">
            <a:off x="10668576" y="1524912"/>
            <a:ext cx="1524912" cy="152491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12" name="Triangle">
            <a:extLst>
              <a:ext uri="{FF2B5EF4-FFF2-40B4-BE49-F238E27FC236}">
                <a16:creationId xmlns:a16="http://schemas.microsoft.com/office/drawing/2014/main" id="{680594EC-7046-1340-82C9-42C8E92EA0D5}"/>
              </a:ext>
            </a:extLst>
          </p:cNvPr>
          <p:cNvSpPr/>
          <p:nvPr userDrawn="1"/>
        </p:nvSpPr>
        <p:spPr>
          <a:xfrm rot="10800000">
            <a:off x="10676827" y="-7077"/>
            <a:ext cx="1524911" cy="1524910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tx1"/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3A8091FF-DD30-8B4C-A2D7-84714AA4C24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rot="5400000">
            <a:off x="10670744" y="3053858"/>
            <a:ext cx="1521369" cy="1521369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F0E1BF03-EFF2-5E40-8769-D250F33B14E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 rot="5400000">
            <a:off x="10671830" y="4573203"/>
            <a:ext cx="1521369" cy="1521369"/>
          </a:xfrm>
          <a:prstGeom prst="rect">
            <a:avLst/>
          </a:prstGeom>
        </p:spPr>
      </p:pic>
      <p:pic>
        <p:nvPicPr>
          <p:cNvPr id="15" name="Graphic 14">
            <a:extLst>
              <a:ext uri="{FF2B5EF4-FFF2-40B4-BE49-F238E27FC236}">
                <a16:creationId xmlns:a16="http://schemas.microsoft.com/office/drawing/2014/main" id="{8F708B63-0A25-A549-BC25-16D2D70A2EB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rcRect r="49649"/>
          <a:stretch/>
        </p:blipFill>
        <p:spPr>
          <a:xfrm rot="16200000" flipH="1">
            <a:off x="11055381" y="5711644"/>
            <a:ext cx="767804" cy="1524911"/>
          </a:xfrm>
          <a:prstGeom prst="rect">
            <a:avLst/>
          </a:prstGeom>
        </p:spPr>
      </p:pic>
      <p:sp>
        <p:nvSpPr>
          <p:cNvPr id="19" name="Shape">
            <a:extLst>
              <a:ext uri="{FF2B5EF4-FFF2-40B4-BE49-F238E27FC236}">
                <a16:creationId xmlns:a16="http://schemas.microsoft.com/office/drawing/2014/main" id="{5B7FAD14-3CE2-A349-8B27-D5FAE274A5FE}"/>
              </a:ext>
            </a:extLst>
          </p:cNvPr>
          <p:cNvSpPr/>
          <p:nvPr userDrawn="1"/>
        </p:nvSpPr>
        <p:spPr>
          <a:xfrm>
            <a:off x="628650" y="576262"/>
            <a:ext cx="1122363" cy="707692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593" extrusionOk="0">
                <a:moveTo>
                  <a:pt x="3361" y="0"/>
                </a:moveTo>
                <a:cubicBezTo>
                  <a:pt x="2734" y="0"/>
                  <a:pt x="2191" y="189"/>
                  <a:pt x="1711" y="569"/>
                </a:cubicBezTo>
                <a:cubicBezTo>
                  <a:pt x="1618" y="633"/>
                  <a:pt x="1531" y="715"/>
                  <a:pt x="1451" y="799"/>
                </a:cubicBezTo>
                <a:cubicBezTo>
                  <a:pt x="1091" y="1137"/>
                  <a:pt x="799" y="1600"/>
                  <a:pt x="573" y="2192"/>
                </a:cubicBezTo>
                <a:cubicBezTo>
                  <a:pt x="293" y="2889"/>
                  <a:pt x="137" y="3675"/>
                  <a:pt x="84" y="4541"/>
                </a:cubicBezTo>
                <a:cubicBezTo>
                  <a:pt x="71" y="4858"/>
                  <a:pt x="13" y="5239"/>
                  <a:pt x="0" y="5704"/>
                </a:cubicBezTo>
                <a:lnTo>
                  <a:pt x="2910" y="5619"/>
                </a:lnTo>
                <a:cubicBezTo>
                  <a:pt x="2910" y="4605"/>
                  <a:pt x="2945" y="3989"/>
                  <a:pt x="3025" y="3778"/>
                </a:cubicBezTo>
                <a:cubicBezTo>
                  <a:pt x="3105" y="3567"/>
                  <a:pt x="3229" y="3463"/>
                  <a:pt x="3376" y="3463"/>
                </a:cubicBezTo>
                <a:cubicBezTo>
                  <a:pt x="3549" y="3463"/>
                  <a:pt x="3661" y="3588"/>
                  <a:pt x="3727" y="3863"/>
                </a:cubicBezTo>
                <a:cubicBezTo>
                  <a:pt x="3781" y="4116"/>
                  <a:pt x="3827" y="4710"/>
                  <a:pt x="3827" y="5619"/>
                </a:cubicBezTo>
                <a:lnTo>
                  <a:pt x="6714" y="5534"/>
                </a:lnTo>
                <a:cubicBezTo>
                  <a:pt x="6700" y="5111"/>
                  <a:pt x="6666" y="4776"/>
                  <a:pt x="6653" y="4480"/>
                </a:cubicBezTo>
                <a:cubicBezTo>
                  <a:pt x="6599" y="3635"/>
                  <a:pt x="6426" y="2862"/>
                  <a:pt x="6133" y="2143"/>
                </a:cubicBezTo>
                <a:cubicBezTo>
                  <a:pt x="5893" y="1594"/>
                  <a:pt x="5596" y="1125"/>
                  <a:pt x="5263" y="787"/>
                </a:cubicBezTo>
                <a:cubicBezTo>
                  <a:pt x="5169" y="703"/>
                  <a:pt x="5066" y="617"/>
                  <a:pt x="4972" y="533"/>
                </a:cubicBezTo>
                <a:cubicBezTo>
                  <a:pt x="4493" y="174"/>
                  <a:pt x="3960" y="0"/>
                  <a:pt x="3361" y="0"/>
                </a:cubicBezTo>
                <a:close/>
                <a:moveTo>
                  <a:pt x="18239" y="206"/>
                </a:moveTo>
                <a:cubicBezTo>
                  <a:pt x="17626" y="206"/>
                  <a:pt x="17102" y="428"/>
                  <a:pt x="16635" y="787"/>
                </a:cubicBezTo>
                <a:cubicBezTo>
                  <a:pt x="16555" y="872"/>
                  <a:pt x="16456" y="933"/>
                  <a:pt x="16376" y="1017"/>
                </a:cubicBezTo>
                <a:cubicBezTo>
                  <a:pt x="16016" y="1376"/>
                  <a:pt x="15739" y="1842"/>
                  <a:pt x="15513" y="2434"/>
                </a:cubicBezTo>
                <a:cubicBezTo>
                  <a:pt x="15366" y="2793"/>
                  <a:pt x="15256" y="3147"/>
                  <a:pt x="15177" y="3548"/>
                </a:cubicBezTo>
                <a:cubicBezTo>
                  <a:pt x="15137" y="3759"/>
                  <a:pt x="15104" y="3954"/>
                  <a:pt x="15077" y="4166"/>
                </a:cubicBezTo>
                <a:cubicBezTo>
                  <a:pt x="15051" y="4377"/>
                  <a:pt x="15022" y="4563"/>
                  <a:pt x="15008" y="4795"/>
                </a:cubicBezTo>
                <a:cubicBezTo>
                  <a:pt x="14995" y="4880"/>
                  <a:pt x="14991" y="4992"/>
                  <a:pt x="14978" y="5098"/>
                </a:cubicBezTo>
                <a:cubicBezTo>
                  <a:pt x="14951" y="5352"/>
                  <a:pt x="14924" y="5629"/>
                  <a:pt x="14924" y="5946"/>
                </a:cubicBezTo>
                <a:lnTo>
                  <a:pt x="14924" y="7011"/>
                </a:lnTo>
                <a:lnTo>
                  <a:pt x="14924" y="12703"/>
                </a:lnTo>
                <a:cubicBezTo>
                  <a:pt x="14924" y="13273"/>
                  <a:pt x="14924" y="13800"/>
                  <a:pt x="14924" y="14265"/>
                </a:cubicBezTo>
                <a:cubicBezTo>
                  <a:pt x="14924" y="14307"/>
                  <a:pt x="14924" y="14344"/>
                  <a:pt x="14924" y="14386"/>
                </a:cubicBezTo>
                <a:lnTo>
                  <a:pt x="14924" y="14471"/>
                </a:lnTo>
                <a:cubicBezTo>
                  <a:pt x="14938" y="15421"/>
                  <a:pt x="14951" y="16189"/>
                  <a:pt x="14978" y="16759"/>
                </a:cubicBezTo>
                <a:cubicBezTo>
                  <a:pt x="14978" y="16780"/>
                  <a:pt x="14978" y="16802"/>
                  <a:pt x="14978" y="16844"/>
                </a:cubicBezTo>
                <a:cubicBezTo>
                  <a:pt x="14978" y="16950"/>
                  <a:pt x="14993" y="17026"/>
                  <a:pt x="14993" y="17111"/>
                </a:cubicBezTo>
                <a:cubicBezTo>
                  <a:pt x="15047" y="17934"/>
                  <a:pt x="15219" y="18717"/>
                  <a:pt x="15513" y="19436"/>
                </a:cubicBezTo>
                <a:cubicBezTo>
                  <a:pt x="15672" y="19837"/>
                  <a:pt x="15857" y="20178"/>
                  <a:pt x="16070" y="20453"/>
                </a:cubicBezTo>
                <a:cubicBezTo>
                  <a:pt x="16110" y="20495"/>
                  <a:pt x="16154" y="20559"/>
                  <a:pt x="16208" y="20622"/>
                </a:cubicBezTo>
                <a:cubicBezTo>
                  <a:pt x="16234" y="20664"/>
                  <a:pt x="16273" y="20710"/>
                  <a:pt x="16299" y="20731"/>
                </a:cubicBezTo>
                <a:cubicBezTo>
                  <a:pt x="16419" y="20858"/>
                  <a:pt x="16523" y="20940"/>
                  <a:pt x="16643" y="21046"/>
                </a:cubicBezTo>
                <a:cubicBezTo>
                  <a:pt x="16710" y="21088"/>
                  <a:pt x="16775" y="21125"/>
                  <a:pt x="16842" y="21167"/>
                </a:cubicBezTo>
                <a:cubicBezTo>
                  <a:pt x="17015" y="21294"/>
                  <a:pt x="17207" y="21382"/>
                  <a:pt x="17407" y="21446"/>
                </a:cubicBezTo>
                <a:cubicBezTo>
                  <a:pt x="17553" y="21488"/>
                  <a:pt x="17696" y="21534"/>
                  <a:pt x="17842" y="21555"/>
                </a:cubicBezTo>
                <a:cubicBezTo>
                  <a:pt x="17855" y="21555"/>
                  <a:pt x="17884" y="21579"/>
                  <a:pt x="17911" y="21579"/>
                </a:cubicBezTo>
                <a:cubicBezTo>
                  <a:pt x="17951" y="21579"/>
                  <a:pt x="17978" y="21579"/>
                  <a:pt x="18018" y="21579"/>
                </a:cubicBezTo>
                <a:cubicBezTo>
                  <a:pt x="18098" y="21600"/>
                  <a:pt x="18175" y="21591"/>
                  <a:pt x="18255" y="21591"/>
                </a:cubicBezTo>
                <a:cubicBezTo>
                  <a:pt x="18335" y="21591"/>
                  <a:pt x="18404" y="21591"/>
                  <a:pt x="18484" y="21591"/>
                </a:cubicBezTo>
                <a:cubicBezTo>
                  <a:pt x="18564" y="21591"/>
                  <a:pt x="18646" y="21579"/>
                  <a:pt x="18713" y="21579"/>
                </a:cubicBezTo>
                <a:cubicBezTo>
                  <a:pt x="18873" y="21558"/>
                  <a:pt x="19042" y="21509"/>
                  <a:pt x="19202" y="21446"/>
                </a:cubicBezTo>
                <a:cubicBezTo>
                  <a:pt x="19375" y="21382"/>
                  <a:pt x="19548" y="21297"/>
                  <a:pt x="19721" y="21191"/>
                </a:cubicBezTo>
                <a:cubicBezTo>
                  <a:pt x="19774" y="21170"/>
                  <a:pt x="19828" y="21113"/>
                  <a:pt x="19881" y="21070"/>
                </a:cubicBezTo>
                <a:cubicBezTo>
                  <a:pt x="19935" y="21028"/>
                  <a:pt x="19979" y="20979"/>
                  <a:pt x="20019" y="20937"/>
                </a:cubicBezTo>
                <a:cubicBezTo>
                  <a:pt x="20046" y="20916"/>
                  <a:pt x="20067" y="20895"/>
                  <a:pt x="20080" y="20852"/>
                </a:cubicBezTo>
                <a:cubicBezTo>
                  <a:pt x="20107" y="20810"/>
                  <a:pt x="20145" y="20773"/>
                  <a:pt x="20172" y="20731"/>
                </a:cubicBezTo>
                <a:cubicBezTo>
                  <a:pt x="20198" y="20689"/>
                  <a:pt x="20214" y="20640"/>
                  <a:pt x="20240" y="20598"/>
                </a:cubicBezTo>
                <a:lnTo>
                  <a:pt x="20324" y="20683"/>
                </a:lnTo>
                <a:lnTo>
                  <a:pt x="20882" y="21300"/>
                </a:lnTo>
                <a:lnTo>
                  <a:pt x="21600" y="21300"/>
                </a:lnTo>
                <a:lnTo>
                  <a:pt x="21600" y="10172"/>
                </a:lnTo>
                <a:lnTo>
                  <a:pt x="18751" y="10172"/>
                </a:lnTo>
                <a:lnTo>
                  <a:pt x="18713" y="10172"/>
                </a:lnTo>
                <a:lnTo>
                  <a:pt x="18255" y="10172"/>
                </a:lnTo>
                <a:lnTo>
                  <a:pt x="18255" y="13284"/>
                </a:lnTo>
                <a:lnTo>
                  <a:pt x="18736" y="13284"/>
                </a:lnTo>
                <a:lnTo>
                  <a:pt x="18736" y="15294"/>
                </a:lnTo>
                <a:cubicBezTo>
                  <a:pt x="18736" y="16498"/>
                  <a:pt x="18705" y="17266"/>
                  <a:pt x="18652" y="17583"/>
                </a:cubicBezTo>
                <a:cubicBezTo>
                  <a:pt x="18598" y="17900"/>
                  <a:pt x="18470" y="18067"/>
                  <a:pt x="18270" y="18067"/>
                </a:cubicBezTo>
                <a:cubicBezTo>
                  <a:pt x="18123" y="18067"/>
                  <a:pt x="18016" y="17985"/>
                  <a:pt x="17949" y="17837"/>
                </a:cubicBezTo>
                <a:cubicBezTo>
                  <a:pt x="17936" y="17774"/>
                  <a:pt x="17909" y="17731"/>
                  <a:pt x="17896" y="17668"/>
                </a:cubicBezTo>
                <a:cubicBezTo>
                  <a:pt x="17882" y="17625"/>
                  <a:pt x="17888" y="17574"/>
                  <a:pt x="17888" y="17510"/>
                </a:cubicBezTo>
                <a:cubicBezTo>
                  <a:pt x="17875" y="17362"/>
                  <a:pt x="17855" y="17179"/>
                  <a:pt x="17842" y="16905"/>
                </a:cubicBezTo>
                <a:cubicBezTo>
                  <a:pt x="17842" y="16799"/>
                  <a:pt x="17835" y="16683"/>
                  <a:pt x="17835" y="16578"/>
                </a:cubicBezTo>
                <a:cubicBezTo>
                  <a:pt x="17821" y="16261"/>
                  <a:pt x="17819" y="15886"/>
                  <a:pt x="17819" y="15464"/>
                </a:cubicBezTo>
                <a:lnTo>
                  <a:pt x="17819" y="5812"/>
                </a:lnTo>
                <a:cubicBezTo>
                  <a:pt x="17819" y="5432"/>
                  <a:pt x="17829" y="5097"/>
                  <a:pt x="17842" y="4844"/>
                </a:cubicBezTo>
                <a:cubicBezTo>
                  <a:pt x="17842" y="4675"/>
                  <a:pt x="17859" y="4522"/>
                  <a:pt x="17873" y="4396"/>
                </a:cubicBezTo>
                <a:cubicBezTo>
                  <a:pt x="17873" y="4332"/>
                  <a:pt x="17888" y="4268"/>
                  <a:pt x="17888" y="4226"/>
                </a:cubicBezTo>
                <a:cubicBezTo>
                  <a:pt x="17901" y="4184"/>
                  <a:pt x="17898" y="4123"/>
                  <a:pt x="17911" y="4081"/>
                </a:cubicBezTo>
                <a:cubicBezTo>
                  <a:pt x="17924" y="4039"/>
                  <a:pt x="17928" y="4014"/>
                  <a:pt x="17941" y="3972"/>
                </a:cubicBezTo>
                <a:cubicBezTo>
                  <a:pt x="17968" y="3866"/>
                  <a:pt x="18018" y="3805"/>
                  <a:pt x="18071" y="3742"/>
                </a:cubicBezTo>
                <a:cubicBezTo>
                  <a:pt x="18125" y="3700"/>
                  <a:pt x="18188" y="3657"/>
                  <a:pt x="18255" y="3657"/>
                </a:cubicBezTo>
                <a:lnTo>
                  <a:pt x="18270" y="3657"/>
                </a:lnTo>
                <a:cubicBezTo>
                  <a:pt x="18297" y="3657"/>
                  <a:pt x="18335" y="3660"/>
                  <a:pt x="18362" y="3681"/>
                </a:cubicBezTo>
                <a:cubicBezTo>
                  <a:pt x="18481" y="3724"/>
                  <a:pt x="18566" y="3845"/>
                  <a:pt x="18606" y="4057"/>
                </a:cubicBezTo>
                <a:cubicBezTo>
                  <a:pt x="18659" y="4310"/>
                  <a:pt x="18682" y="4922"/>
                  <a:pt x="18682" y="5873"/>
                </a:cubicBezTo>
                <a:lnTo>
                  <a:pt x="18682" y="7580"/>
                </a:lnTo>
                <a:lnTo>
                  <a:pt x="18736" y="7580"/>
                </a:lnTo>
                <a:lnTo>
                  <a:pt x="21577" y="7580"/>
                </a:lnTo>
                <a:lnTo>
                  <a:pt x="21585" y="7580"/>
                </a:lnTo>
                <a:cubicBezTo>
                  <a:pt x="21585" y="7390"/>
                  <a:pt x="21585" y="7229"/>
                  <a:pt x="21585" y="7060"/>
                </a:cubicBezTo>
                <a:lnTo>
                  <a:pt x="21585" y="5861"/>
                </a:lnTo>
                <a:cubicBezTo>
                  <a:pt x="21585" y="5819"/>
                  <a:pt x="21585" y="5746"/>
                  <a:pt x="21585" y="5704"/>
                </a:cubicBezTo>
                <a:cubicBezTo>
                  <a:pt x="21571" y="5302"/>
                  <a:pt x="21537" y="4973"/>
                  <a:pt x="21524" y="4698"/>
                </a:cubicBezTo>
                <a:cubicBezTo>
                  <a:pt x="21470" y="3853"/>
                  <a:pt x="21297" y="3068"/>
                  <a:pt x="21004" y="2349"/>
                </a:cubicBezTo>
                <a:cubicBezTo>
                  <a:pt x="20778" y="1779"/>
                  <a:pt x="20482" y="1331"/>
                  <a:pt x="20149" y="993"/>
                </a:cubicBezTo>
                <a:cubicBezTo>
                  <a:pt x="20056" y="887"/>
                  <a:pt x="19958" y="802"/>
                  <a:pt x="19851" y="739"/>
                </a:cubicBezTo>
                <a:cubicBezTo>
                  <a:pt x="19411" y="401"/>
                  <a:pt x="18923" y="227"/>
                  <a:pt x="18377" y="206"/>
                </a:cubicBezTo>
                <a:cubicBezTo>
                  <a:pt x="18337" y="206"/>
                  <a:pt x="18279" y="206"/>
                  <a:pt x="18239" y="206"/>
                </a:cubicBezTo>
                <a:close/>
                <a:moveTo>
                  <a:pt x="7997" y="424"/>
                </a:moveTo>
                <a:lnTo>
                  <a:pt x="7997" y="3512"/>
                </a:lnTo>
                <a:lnTo>
                  <a:pt x="7997" y="5498"/>
                </a:lnTo>
                <a:lnTo>
                  <a:pt x="10892" y="5413"/>
                </a:lnTo>
                <a:lnTo>
                  <a:pt x="10892" y="3936"/>
                </a:lnTo>
                <a:lnTo>
                  <a:pt x="12954" y="6212"/>
                </a:lnTo>
                <a:lnTo>
                  <a:pt x="10892" y="8477"/>
                </a:lnTo>
                <a:lnTo>
                  <a:pt x="10892" y="6999"/>
                </a:lnTo>
                <a:lnTo>
                  <a:pt x="7997" y="6914"/>
                </a:lnTo>
                <a:lnTo>
                  <a:pt x="7997" y="21022"/>
                </a:lnTo>
                <a:lnTo>
                  <a:pt x="10899" y="21022"/>
                </a:lnTo>
                <a:lnTo>
                  <a:pt x="10899" y="12315"/>
                </a:lnTo>
                <a:lnTo>
                  <a:pt x="11678" y="12315"/>
                </a:lnTo>
                <a:cubicBezTo>
                  <a:pt x="12318" y="12315"/>
                  <a:pt x="12821" y="12148"/>
                  <a:pt x="13221" y="11831"/>
                </a:cubicBezTo>
                <a:cubicBezTo>
                  <a:pt x="13608" y="11514"/>
                  <a:pt x="13884" y="11054"/>
                  <a:pt x="14031" y="10462"/>
                </a:cubicBezTo>
                <a:cubicBezTo>
                  <a:pt x="14031" y="10441"/>
                  <a:pt x="14046" y="10423"/>
                  <a:pt x="14046" y="10402"/>
                </a:cubicBezTo>
                <a:cubicBezTo>
                  <a:pt x="14166" y="9895"/>
                  <a:pt x="14231" y="9367"/>
                  <a:pt x="14245" y="8416"/>
                </a:cubicBezTo>
                <a:lnTo>
                  <a:pt x="14245" y="5728"/>
                </a:lnTo>
                <a:cubicBezTo>
                  <a:pt x="14245" y="4777"/>
                  <a:pt x="14206" y="4037"/>
                  <a:pt x="14153" y="3487"/>
                </a:cubicBezTo>
                <a:cubicBezTo>
                  <a:pt x="14153" y="3445"/>
                  <a:pt x="14138" y="3381"/>
                  <a:pt x="14138" y="3318"/>
                </a:cubicBezTo>
                <a:cubicBezTo>
                  <a:pt x="14058" y="2705"/>
                  <a:pt x="13923" y="2178"/>
                  <a:pt x="13710" y="1756"/>
                </a:cubicBezTo>
                <a:cubicBezTo>
                  <a:pt x="13497" y="1333"/>
                  <a:pt x="13182" y="995"/>
                  <a:pt x="12755" y="763"/>
                </a:cubicBezTo>
                <a:cubicBezTo>
                  <a:pt x="12316" y="530"/>
                  <a:pt x="11714" y="424"/>
                  <a:pt x="10915" y="424"/>
                </a:cubicBezTo>
                <a:lnTo>
                  <a:pt x="7997" y="424"/>
                </a:lnTo>
                <a:close/>
                <a:moveTo>
                  <a:pt x="0" y="6757"/>
                </a:moveTo>
                <a:lnTo>
                  <a:pt x="0" y="12485"/>
                </a:lnTo>
                <a:cubicBezTo>
                  <a:pt x="0" y="14597"/>
                  <a:pt x="31" y="16084"/>
                  <a:pt x="84" y="16929"/>
                </a:cubicBezTo>
                <a:cubicBezTo>
                  <a:pt x="137" y="17774"/>
                  <a:pt x="310" y="18548"/>
                  <a:pt x="603" y="19266"/>
                </a:cubicBezTo>
                <a:cubicBezTo>
                  <a:pt x="883" y="19984"/>
                  <a:pt x="1269" y="20517"/>
                  <a:pt x="1749" y="20877"/>
                </a:cubicBezTo>
                <a:cubicBezTo>
                  <a:pt x="2229" y="21236"/>
                  <a:pt x="2761" y="21409"/>
                  <a:pt x="3361" y="21409"/>
                </a:cubicBezTo>
                <a:cubicBezTo>
                  <a:pt x="3987" y="21409"/>
                  <a:pt x="4544" y="21220"/>
                  <a:pt x="5010" y="20840"/>
                </a:cubicBezTo>
                <a:cubicBezTo>
                  <a:pt x="5490" y="20460"/>
                  <a:pt x="5869" y="19900"/>
                  <a:pt x="6149" y="19181"/>
                </a:cubicBezTo>
                <a:cubicBezTo>
                  <a:pt x="6428" y="18484"/>
                  <a:pt x="6584" y="17689"/>
                  <a:pt x="6637" y="16844"/>
                </a:cubicBezTo>
                <a:cubicBezTo>
                  <a:pt x="6691" y="15999"/>
                  <a:pt x="6714" y="14510"/>
                  <a:pt x="6714" y="12461"/>
                </a:cubicBezTo>
                <a:lnTo>
                  <a:pt x="6714" y="8973"/>
                </a:lnTo>
                <a:cubicBezTo>
                  <a:pt x="6714" y="8212"/>
                  <a:pt x="6719" y="7542"/>
                  <a:pt x="6706" y="6951"/>
                </a:cubicBezTo>
                <a:lnTo>
                  <a:pt x="3811" y="6866"/>
                </a:lnTo>
                <a:lnTo>
                  <a:pt x="3811" y="15173"/>
                </a:lnTo>
                <a:cubicBezTo>
                  <a:pt x="3811" y="16377"/>
                  <a:pt x="3781" y="17154"/>
                  <a:pt x="3727" y="17450"/>
                </a:cubicBezTo>
                <a:cubicBezTo>
                  <a:pt x="3674" y="17766"/>
                  <a:pt x="3547" y="17934"/>
                  <a:pt x="3361" y="17934"/>
                </a:cubicBezTo>
                <a:cubicBezTo>
                  <a:pt x="3161" y="17934"/>
                  <a:pt x="3040" y="17785"/>
                  <a:pt x="2986" y="17510"/>
                </a:cubicBezTo>
                <a:cubicBezTo>
                  <a:pt x="2933" y="17235"/>
                  <a:pt x="2910" y="16501"/>
                  <a:pt x="2910" y="15318"/>
                </a:cubicBezTo>
                <a:lnTo>
                  <a:pt x="2910" y="6830"/>
                </a:lnTo>
                <a:lnTo>
                  <a:pt x="0" y="6757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22F68846-E475-6341-AD70-7C93DB3DB98C}"/>
              </a:ext>
            </a:extLst>
          </p:cNvPr>
          <p:cNvCxnSpPr/>
          <p:nvPr userDrawn="1"/>
        </p:nvCxnSpPr>
        <p:spPr>
          <a:xfrm>
            <a:off x="2114550" y="573087"/>
            <a:ext cx="0" cy="707692"/>
          </a:xfrm>
          <a:prstGeom prst="line">
            <a:avLst/>
          </a:prstGeom>
          <a:ln w="1714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1" name="Graphic 20">
            <a:extLst>
              <a:ext uri="{FF2B5EF4-FFF2-40B4-BE49-F238E27FC236}">
                <a16:creationId xmlns:a16="http://schemas.microsoft.com/office/drawing/2014/main" id="{DCA39F0D-F0E5-3847-BC19-4933F2003DAB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2425217" y="525269"/>
            <a:ext cx="2035621" cy="8538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228211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6711FF87-EEE4-3259-7B01-B31020C88F08}"/>
              </a:ext>
            </a:extLst>
          </p:cNvPr>
          <p:cNvSpPr/>
          <p:nvPr userDrawn="1"/>
        </p:nvSpPr>
        <p:spPr>
          <a:xfrm flipH="1">
            <a:off x="-1" y="0"/>
            <a:ext cx="6280945" cy="685800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611" y="0"/>
                </a:moveTo>
                <a:lnTo>
                  <a:pt x="3611" y="7584"/>
                </a:lnTo>
                <a:cubicBezTo>
                  <a:pt x="3584" y="8460"/>
                  <a:pt x="3188" y="9252"/>
                  <a:pt x="2556" y="9830"/>
                </a:cubicBezTo>
                <a:cubicBezTo>
                  <a:pt x="1902" y="10430"/>
                  <a:pt x="998" y="10800"/>
                  <a:pt x="0" y="10800"/>
                </a:cubicBezTo>
                <a:cubicBezTo>
                  <a:pt x="998" y="10800"/>
                  <a:pt x="1902" y="11170"/>
                  <a:pt x="2556" y="11770"/>
                </a:cubicBezTo>
                <a:cubicBezTo>
                  <a:pt x="3188" y="12348"/>
                  <a:pt x="3584" y="13140"/>
                  <a:pt x="3611" y="14016"/>
                </a:cubicBezTo>
                <a:lnTo>
                  <a:pt x="3611" y="21600"/>
                </a:lnTo>
                <a:lnTo>
                  <a:pt x="21600" y="21600"/>
                </a:lnTo>
                <a:lnTo>
                  <a:pt x="21600" y="0"/>
                </a:lnTo>
                <a:lnTo>
                  <a:pt x="3611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8" name="Shape">
            <a:extLst>
              <a:ext uri="{FF2B5EF4-FFF2-40B4-BE49-F238E27FC236}">
                <a16:creationId xmlns:a16="http://schemas.microsoft.com/office/drawing/2014/main" id="{404B2211-792B-3D47-3916-DB35EDE5EF57}"/>
              </a:ext>
            </a:extLst>
          </p:cNvPr>
          <p:cNvSpPr/>
          <p:nvPr userDrawn="1"/>
        </p:nvSpPr>
        <p:spPr>
          <a:xfrm rot="16200000">
            <a:off x="0" y="0"/>
            <a:ext cx="1768114" cy="1768114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2" name="Shape">
            <a:extLst>
              <a:ext uri="{FF2B5EF4-FFF2-40B4-BE49-F238E27FC236}">
                <a16:creationId xmlns:a16="http://schemas.microsoft.com/office/drawing/2014/main" id="{05A66292-DB1F-C33D-34EB-E129D04B641A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5" name="Shape">
            <a:extLst>
              <a:ext uri="{FF2B5EF4-FFF2-40B4-BE49-F238E27FC236}">
                <a16:creationId xmlns:a16="http://schemas.microsoft.com/office/drawing/2014/main" id="{A213E017-D88E-9FB8-4B9F-76929C457FCE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CA9B18FF-C9DC-2844-B09B-CC4CDEF7F32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986576" y="553357"/>
            <a:ext cx="4991100" cy="1393825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4400" b="1" i="0"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wo line headline here</a:t>
            </a:r>
          </a:p>
        </p:txBody>
      </p:sp>
      <p:sp>
        <p:nvSpPr>
          <p:cNvPr id="12" name="Text Placeholder 36">
            <a:extLst>
              <a:ext uri="{FF2B5EF4-FFF2-40B4-BE49-F238E27FC236}">
                <a16:creationId xmlns:a16="http://schemas.microsoft.com/office/drawing/2014/main" id="{A703C62A-E297-D447-8A8A-A20001C6B66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22756" y="2853373"/>
            <a:ext cx="4991100" cy="3121978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2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03EDCF2E-33A9-6E4D-864E-8C2F97843B8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023398" y="2173288"/>
            <a:ext cx="4991100" cy="392112"/>
          </a:xfrm>
        </p:spPr>
        <p:txBody>
          <a:bodyPr>
            <a:noAutofit/>
          </a:bodyPr>
          <a:lstStyle>
            <a:lvl1pPr>
              <a:defRPr sz="2400"/>
            </a:lvl1pPr>
          </a:lstStyle>
          <a:p>
            <a:pPr lvl="0"/>
            <a:r>
              <a:rPr lang="en-US" dirty="0"/>
              <a:t>Insert subhead here</a:t>
            </a:r>
          </a:p>
        </p:txBody>
      </p:sp>
    </p:spTree>
    <p:extLst>
      <p:ext uri="{BB962C8B-B14F-4D97-AF65-F5344CB8AC3E}">
        <p14:creationId xmlns:p14="http://schemas.microsoft.com/office/powerpoint/2010/main" val="267733964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hape">
            <a:extLst>
              <a:ext uri="{FF2B5EF4-FFF2-40B4-BE49-F238E27FC236}">
                <a16:creationId xmlns:a16="http://schemas.microsoft.com/office/drawing/2014/main" id="{77D08B86-FBD8-EBEB-F349-48C17CEC959B}"/>
              </a:ext>
            </a:extLst>
          </p:cNvPr>
          <p:cNvSpPr/>
          <p:nvPr userDrawn="1"/>
        </p:nvSpPr>
        <p:spPr>
          <a:xfrm rot="16200000" flipH="1">
            <a:off x="0" y="5089885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3C7C3B9-5358-AA44-8788-20FDABA9EA56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34035" y="553357"/>
            <a:ext cx="4991100" cy="1393825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4400" b="1" i="0"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wo line headline here</a:t>
            </a:r>
          </a:p>
        </p:txBody>
      </p:sp>
    </p:spTree>
    <p:extLst>
      <p:ext uri="{BB962C8B-B14F-4D97-AF65-F5344CB8AC3E}">
        <p14:creationId xmlns:p14="http://schemas.microsoft.com/office/powerpoint/2010/main" val="314040058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22143E4C-FC6A-8CBC-6337-074C682E5117}"/>
              </a:ext>
            </a:extLst>
          </p:cNvPr>
          <p:cNvSpPr>
            <a:spLocks noGrp="1"/>
          </p:cNvSpPr>
          <p:nvPr>
            <p:ph type="media" sz="quarter" idx="10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media</a:t>
            </a:r>
          </a:p>
        </p:txBody>
      </p:sp>
    </p:spTree>
    <p:extLst>
      <p:ext uri="{BB962C8B-B14F-4D97-AF65-F5344CB8AC3E}">
        <p14:creationId xmlns:p14="http://schemas.microsoft.com/office/powerpoint/2010/main" val="98772796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5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hape">
            <a:extLst>
              <a:ext uri="{FF2B5EF4-FFF2-40B4-BE49-F238E27FC236}">
                <a16:creationId xmlns:a16="http://schemas.microsoft.com/office/drawing/2014/main" id="{386F27F4-1F7A-6DAA-E88E-29779A780FDC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6" name="Picture Placeholder 1">
            <a:extLst>
              <a:ext uri="{FF2B5EF4-FFF2-40B4-BE49-F238E27FC236}">
                <a16:creationId xmlns:a16="http://schemas.microsoft.com/office/drawing/2014/main" id="{C47594BB-9899-2042-A3EA-BF61116DCFF1}"/>
              </a:ext>
            </a:extLst>
          </p:cNvPr>
          <p:cNvSpPr>
            <a:spLocks noGrp="1"/>
          </p:cNvSpPr>
          <p:nvPr>
            <p:ph type="pic" sz="quarter" idx="4294967295"/>
          </p:nvPr>
        </p:nvSpPr>
        <p:spPr>
          <a:xfrm>
            <a:off x="7620000" y="0"/>
            <a:ext cx="4572000" cy="6858000"/>
          </a:xfrm>
          <a:prstGeom prst="rect">
            <a:avLst/>
          </a:prstGeom>
        </p:spPr>
        <p:txBody>
          <a:bodyPr anchor="ctr"/>
          <a:lstStyle>
            <a:lvl1pPr algn="ctr">
              <a:defRPr/>
            </a:lvl1pPr>
          </a:lstStyle>
          <a:p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2CA9C-485F-CE4D-9E8E-55BD8931DE5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34034" y="553357"/>
            <a:ext cx="5027923" cy="1393825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4400" b="1" i="0"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wo line headline here</a:t>
            </a:r>
          </a:p>
        </p:txBody>
      </p:sp>
      <p:sp>
        <p:nvSpPr>
          <p:cNvPr id="8" name="Text Placeholder 36">
            <a:extLst>
              <a:ext uri="{FF2B5EF4-FFF2-40B4-BE49-F238E27FC236}">
                <a16:creationId xmlns:a16="http://schemas.microsoft.com/office/drawing/2014/main" id="{12822CD9-3CA2-7C47-B392-AAB418D1978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0858" y="2904173"/>
            <a:ext cx="6367824" cy="3121978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2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50B1C4AB-A792-3740-8A15-049E821EBB01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71500" y="2224088"/>
            <a:ext cx="4991100" cy="392112"/>
          </a:xfrm>
        </p:spPr>
        <p:txBody>
          <a:bodyPr>
            <a:noAutofit/>
          </a:bodyPr>
          <a:lstStyle>
            <a:lvl1pPr>
              <a:defRPr sz="2400"/>
            </a:lvl1pPr>
          </a:lstStyle>
          <a:p>
            <a:pPr lvl="0"/>
            <a:r>
              <a:rPr lang="en-US" dirty="0"/>
              <a:t>Insert subhead here</a:t>
            </a:r>
          </a:p>
        </p:txBody>
      </p:sp>
    </p:spTree>
    <p:extLst>
      <p:ext uri="{BB962C8B-B14F-4D97-AF65-F5344CB8AC3E}">
        <p14:creationId xmlns:p14="http://schemas.microsoft.com/office/powerpoint/2010/main" val="351506183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1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hape">
            <a:extLst>
              <a:ext uri="{FF2B5EF4-FFF2-40B4-BE49-F238E27FC236}">
                <a16:creationId xmlns:a16="http://schemas.microsoft.com/office/drawing/2014/main" id="{386F27F4-1F7A-6DAA-E88E-29779A780FDC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6" name="Picture Placeholder 1">
            <a:extLst>
              <a:ext uri="{FF2B5EF4-FFF2-40B4-BE49-F238E27FC236}">
                <a16:creationId xmlns:a16="http://schemas.microsoft.com/office/drawing/2014/main" id="{C47594BB-9899-2042-A3EA-BF61116DCFF1}"/>
              </a:ext>
            </a:extLst>
          </p:cNvPr>
          <p:cNvSpPr>
            <a:spLocks noGrp="1"/>
          </p:cNvSpPr>
          <p:nvPr>
            <p:ph type="pic" sz="quarter" idx="4294967295"/>
          </p:nvPr>
        </p:nvSpPr>
        <p:spPr>
          <a:xfrm>
            <a:off x="7620000" y="0"/>
            <a:ext cx="4572000" cy="6858000"/>
          </a:xfrm>
          <a:prstGeom prst="rect">
            <a:avLst/>
          </a:prstGeom>
        </p:spPr>
        <p:txBody>
          <a:bodyPr anchor="ctr"/>
          <a:lstStyle>
            <a:lvl1pPr algn="ctr">
              <a:defRPr/>
            </a:lvl1pPr>
          </a:lstStyle>
          <a:p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2CA9C-485F-CE4D-9E8E-55BD8931DE5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34034" y="553357"/>
            <a:ext cx="5027923" cy="1393825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4400" b="1" i="0"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wo line headline here</a:t>
            </a:r>
          </a:p>
        </p:txBody>
      </p:sp>
      <p:sp>
        <p:nvSpPr>
          <p:cNvPr id="10" name="Text Placeholder 36">
            <a:extLst>
              <a:ext uri="{FF2B5EF4-FFF2-40B4-BE49-F238E27FC236}">
                <a16:creationId xmlns:a16="http://schemas.microsoft.com/office/drawing/2014/main" id="{BDD728FB-0988-DF40-B471-1D9EBF88172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0858" y="2224088"/>
            <a:ext cx="6367824" cy="3121978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2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219616991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9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54B47312-292B-144F-8A4A-2C7D98D990CF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76259151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3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54B47312-292B-144F-8A4A-2C7D98D990CF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F75AB5F7-79EC-6240-864F-9950EA7A7957}"/>
              </a:ext>
            </a:extLst>
          </p:cNvPr>
          <p:cNvGrpSpPr/>
          <p:nvPr userDrawn="1"/>
        </p:nvGrpSpPr>
        <p:grpSpPr>
          <a:xfrm>
            <a:off x="628650" y="525269"/>
            <a:ext cx="3832188" cy="853880"/>
            <a:chOff x="628650" y="525269"/>
            <a:chExt cx="3832188" cy="853880"/>
          </a:xfrm>
        </p:grpSpPr>
        <p:sp>
          <p:nvSpPr>
            <p:cNvPr id="4" name="Shape">
              <a:extLst>
                <a:ext uri="{FF2B5EF4-FFF2-40B4-BE49-F238E27FC236}">
                  <a16:creationId xmlns:a16="http://schemas.microsoft.com/office/drawing/2014/main" id="{279E8C97-8433-5B49-BA74-1FA190711FC7}"/>
                </a:ext>
              </a:extLst>
            </p:cNvPr>
            <p:cNvSpPr/>
            <p:nvPr userDrawn="1"/>
          </p:nvSpPr>
          <p:spPr>
            <a:xfrm>
              <a:off x="628650" y="576262"/>
              <a:ext cx="1122363" cy="707692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593" extrusionOk="0">
                  <a:moveTo>
                    <a:pt x="3361" y="0"/>
                  </a:moveTo>
                  <a:cubicBezTo>
                    <a:pt x="2734" y="0"/>
                    <a:pt x="2191" y="189"/>
                    <a:pt x="1711" y="569"/>
                  </a:cubicBezTo>
                  <a:cubicBezTo>
                    <a:pt x="1618" y="633"/>
                    <a:pt x="1531" y="715"/>
                    <a:pt x="1451" y="799"/>
                  </a:cubicBezTo>
                  <a:cubicBezTo>
                    <a:pt x="1091" y="1137"/>
                    <a:pt x="799" y="1600"/>
                    <a:pt x="573" y="2192"/>
                  </a:cubicBezTo>
                  <a:cubicBezTo>
                    <a:pt x="293" y="2889"/>
                    <a:pt x="137" y="3675"/>
                    <a:pt x="84" y="4541"/>
                  </a:cubicBezTo>
                  <a:cubicBezTo>
                    <a:pt x="71" y="4858"/>
                    <a:pt x="13" y="5239"/>
                    <a:pt x="0" y="5704"/>
                  </a:cubicBezTo>
                  <a:lnTo>
                    <a:pt x="2910" y="5619"/>
                  </a:lnTo>
                  <a:cubicBezTo>
                    <a:pt x="2910" y="4605"/>
                    <a:pt x="2945" y="3989"/>
                    <a:pt x="3025" y="3778"/>
                  </a:cubicBezTo>
                  <a:cubicBezTo>
                    <a:pt x="3105" y="3567"/>
                    <a:pt x="3229" y="3463"/>
                    <a:pt x="3376" y="3463"/>
                  </a:cubicBezTo>
                  <a:cubicBezTo>
                    <a:pt x="3549" y="3463"/>
                    <a:pt x="3661" y="3588"/>
                    <a:pt x="3727" y="3863"/>
                  </a:cubicBezTo>
                  <a:cubicBezTo>
                    <a:pt x="3781" y="4116"/>
                    <a:pt x="3827" y="4710"/>
                    <a:pt x="3827" y="5619"/>
                  </a:cubicBezTo>
                  <a:lnTo>
                    <a:pt x="6714" y="5534"/>
                  </a:lnTo>
                  <a:cubicBezTo>
                    <a:pt x="6700" y="5111"/>
                    <a:pt x="6666" y="4776"/>
                    <a:pt x="6653" y="4480"/>
                  </a:cubicBezTo>
                  <a:cubicBezTo>
                    <a:pt x="6599" y="3635"/>
                    <a:pt x="6426" y="2862"/>
                    <a:pt x="6133" y="2143"/>
                  </a:cubicBezTo>
                  <a:cubicBezTo>
                    <a:pt x="5893" y="1594"/>
                    <a:pt x="5596" y="1125"/>
                    <a:pt x="5263" y="787"/>
                  </a:cubicBezTo>
                  <a:cubicBezTo>
                    <a:pt x="5169" y="703"/>
                    <a:pt x="5066" y="617"/>
                    <a:pt x="4972" y="533"/>
                  </a:cubicBezTo>
                  <a:cubicBezTo>
                    <a:pt x="4493" y="174"/>
                    <a:pt x="3960" y="0"/>
                    <a:pt x="3361" y="0"/>
                  </a:cubicBezTo>
                  <a:close/>
                  <a:moveTo>
                    <a:pt x="18239" y="206"/>
                  </a:moveTo>
                  <a:cubicBezTo>
                    <a:pt x="17626" y="206"/>
                    <a:pt x="17102" y="428"/>
                    <a:pt x="16635" y="787"/>
                  </a:cubicBezTo>
                  <a:cubicBezTo>
                    <a:pt x="16555" y="872"/>
                    <a:pt x="16456" y="933"/>
                    <a:pt x="16376" y="1017"/>
                  </a:cubicBezTo>
                  <a:cubicBezTo>
                    <a:pt x="16016" y="1376"/>
                    <a:pt x="15739" y="1842"/>
                    <a:pt x="15513" y="2434"/>
                  </a:cubicBezTo>
                  <a:cubicBezTo>
                    <a:pt x="15366" y="2793"/>
                    <a:pt x="15256" y="3147"/>
                    <a:pt x="15177" y="3548"/>
                  </a:cubicBezTo>
                  <a:cubicBezTo>
                    <a:pt x="15137" y="3759"/>
                    <a:pt x="15104" y="3954"/>
                    <a:pt x="15077" y="4166"/>
                  </a:cubicBezTo>
                  <a:cubicBezTo>
                    <a:pt x="15051" y="4377"/>
                    <a:pt x="15022" y="4563"/>
                    <a:pt x="15008" y="4795"/>
                  </a:cubicBezTo>
                  <a:cubicBezTo>
                    <a:pt x="14995" y="4880"/>
                    <a:pt x="14991" y="4992"/>
                    <a:pt x="14978" y="5098"/>
                  </a:cubicBezTo>
                  <a:cubicBezTo>
                    <a:pt x="14951" y="5352"/>
                    <a:pt x="14924" y="5629"/>
                    <a:pt x="14924" y="5946"/>
                  </a:cubicBezTo>
                  <a:lnTo>
                    <a:pt x="14924" y="7011"/>
                  </a:lnTo>
                  <a:lnTo>
                    <a:pt x="14924" y="12703"/>
                  </a:lnTo>
                  <a:cubicBezTo>
                    <a:pt x="14924" y="13273"/>
                    <a:pt x="14924" y="13800"/>
                    <a:pt x="14924" y="14265"/>
                  </a:cubicBezTo>
                  <a:cubicBezTo>
                    <a:pt x="14924" y="14307"/>
                    <a:pt x="14924" y="14344"/>
                    <a:pt x="14924" y="14386"/>
                  </a:cubicBezTo>
                  <a:lnTo>
                    <a:pt x="14924" y="14471"/>
                  </a:lnTo>
                  <a:cubicBezTo>
                    <a:pt x="14938" y="15421"/>
                    <a:pt x="14951" y="16189"/>
                    <a:pt x="14978" y="16759"/>
                  </a:cubicBezTo>
                  <a:cubicBezTo>
                    <a:pt x="14978" y="16780"/>
                    <a:pt x="14978" y="16802"/>
                    <a:pt x="14978" y="16844"/>
                  </a:cubicBezTo>
                  <a:cubicBezTo>
                    <a:pt x="14978" y="16950"/>
                    <a:pt x="14993" y="17026"/>
                    <a:pt x="14993" y="17111"/>
                  </a:cubicBezTo>
                  <a:cubicBezTo>
                    <a:pt x="15047" y="17934"/>
                    <a:pt x="15219" y="18717"/>
                    <a:pt x="15513" y="19436"/>
                  </a:cubicBezTo>
                  <a:cubicBezTo>
                    <a:pt x="15672" y="19837"/>
                    <a:pt x="15857" y="20178"/>
                    <a:pt x="16070" y="20453"/>
                  </a:cubicBezTo>
                  <a:cubicBezTo>
                    <a:pt x="16110" y="20495"/>
                    <a:pt x="16154" y="20559"/>
                    <a:pt x="16208" y="20622"/>
                  </a:cubicBezTo>
                  <a:cubicBezTo>
                    <a:pt x="16234" y="20664"/>
                    <a:pt x="16273" y="20710"/>
                    <a:pt x="16299" y="20731"/>
                  </a:cubicBezTo>
                  <a:cubicBezTo>
                    <a:pt x="16419" y="20858"/>
                    <a:pt x="16523" y="20940"/>
                    <a:pt x="16643" y="21046"/>
                  </a:cubicBezTo>
                  <a:cubicBezTo>
                    <a:pt x="16710" y="21088"/>
                    <a:pt x="16775" y="21125"/>
                    <a:pt x="16842" y="21167"/>
                  </a:cubicBezTo>
                  <a:cubicBezTo>
                    <a:pt x="17015" y="21294"/>
                    <a:pt x="17207" y="21382"/>
                    <a:pt x="17407" y="21446"/>
                  </a:cubicBezTo>
                  <a:cubicBezTo>
                    <a:pt x="17553" y="21488"/>
                    <a:pt x="17696" y="21534"/>
                    <a:pt x="17842" y="21555"/>
                  </a:cubicBezTo>
                  <a:cubicBezTo>
                    <a:pt x="17855" y="21555"/>
                    <a:pt x="17884" y="21579"/>
                    <a:pt x="17911" y="21579"/>
                  </a:cubicBezTo>
                  <a:cubicBezTo>
                    <a:pt x="17951" y="21579"/>
                    <a:pt x="17978" y="21579"/>
                    <a:pt x="18018" y="21579"/>
                  </a:cubicBezTo>
                  <a:cubicBezTo>
                    <a:pt x="18098" y="21600"/>
                    <a:pt x="18175" y="21591"/>
                    <a:pt x="18255" y="21591"/>
                  </a:cubicBezTo>
                  <a:cubicBezTo>
                    <a:pt x="18335" y="21591"/>
                    <a:pt x="18404" y="21591"/>
                    <a:pt x="18484" y="21591"/>
                  </a:cubicBezTo>
                  <a:cubicBezTo>
                    <a:pt x="18564" y="21591"/>
                    <a:pt x="18646" y="21579"/>
                    <a:pt x="18713" y="21579"/>
                  </a:cubicBezTo>
                  <a:cubicBezTo>
                    <a:pt x="18873" y="21558"/>
                    <a:pt x="19042" y="21509"/>
                    <a:pt x="19202" y="21446"/>
                  </a:cubicBezTo>
                  <a:cubicBezTo>
                    <a:pt x="19375" y="21382"/>
                    <a:pt x="19548" y="21297"/>
                    <a:pt x="19721" y="21191"/>
                  </a:cubicBezTo>
                  <a:cubicBezTo>
                    <a:pt x="19774" y="21170"/>
                    <a:pt x="19828" y="21113"/>
                    <a:pt x="19881" y="21070"/>
                  </a:cubicBezTo>
                  <a:cubicBezTo>
                    <a:pt x="19935" y="21028"/>
                    <a:pt x="19979" y="20979"/>
                    <a:pt x="20019" y="20937"/>
                  </a:cubicBezTo>
                  <a:cubicBezTo>
                    <a:pt x="20046" y="20916"/>
                    <a:pt x="20067" y="20895"/>
                    <a:pt x="20080" y="20852"/>
                  </a:cubicBezTo>
                  <a:cubicBezTo>
                    <a:pt x="20107" y="20810"/>
                    <a:pt x="20145" y="20773"/>
                    <a:pt x="20172" y="20731"/>
                  </a:cubicBezTo>
                  <a:cubicBezTo>
                    <a:pt x="20198" y="20689"/>
                    <a:pt x="20214" y="20640"/>
                    <a:pt x="20240" y="20598"/>
                  </a:cubicBezTo>
                  <a:lnTo>
                    <a:pt x="20324" y="20683"/>
                  </a:lnTo>
                  <a:lnTo>
                    <a:pt x="20882" y="21300"/>
                  </a:lnTo>
                  <a:lnTo>
                    <a:pt x="21600" y="21300"/>
                  </a:lnTo>
                  <a:lnTo>
                    <a:pt x="21600" y="10172"/>
                  </a:lnTo>
                  <a:lnTo>
                    <a:pt x="18751" y="10172"/>
                  </a:lnTo>
                  <a:lnTo>
                    <a:pt x="18713" y="10172"/>
                  </a:lnTo>
                  <a:lnTo>
                    <a:pt x="18255" y="10172"/>
                  </a:lnTo>
                  <a:lnTo>
                    <a:pt x="18255" y="13284"/>
                  </a:lnTo>
                  <a:lnTo>
                    <a:pt x="18736" y="13284"/>
                  </a:lnTo>
                  <a:lnTo>
                    <a:pt x="18736" y="15294"/>
                  </a:lnTo>
                  <a:cubicBezTo>
                    <a:pt x="18736" y="16498"/>
                    <a:pt x="18705" y="17266"/>
                    <a:pt x="18652" y="17583"/>
                  </a:cubicBezTo>
                  <a:cubicBezTo>
                    <a:pt x="18598" y="17900"/>
                    <a:pt x="18470" y="18067"/>
                    <a:pt x="18270" y="18067"/>
                  </a:cubicBezTo>
                  <a:cubicBezTo>
                    <a:pt x="18123" y="18067"/>
                    <a:pt x="18016" y="17985"/>
                    <a:pt x="17949" y="17837"/>
                  </a:cubicBezTo>
                  <a:cubicBezTo>
                    <a:pt x="17936" y="17774"/>
                    <a:pt x="17909" y="17731"/>
                    <a:pt x="17896" y="17668"/>
                  </a:cubicBezTo>
                  <a:cubicBezTo>
                    <a:pt x="17882" y="17625"/>
                    <a:pt x="17888" y="17574"/>
                    <a:pt x="17888" y="17510"/>
                  </a:cubicBezTo>
                  <a:cubicBezTo>
                    <a:pt x="17875" y="17362"/>
                    <a:pt x="17855" y="17179"/>
                    <a:pt x="17842" y="16905"/>
                  </a:cubicBezTo>
                  <a:cubicBezTo>
                    <a:pt x="17842" y="16799"/>
                    <a:pt x="17835" y="16683"/>
                    <a:pt x="17835" y="16578"/>
                  </a:cubicBezTo>
                  <a:cubicBezTo>
                    <a:pt x="17821" y="16261"/>
                    <a:pt x="17819" y="15886"/>
                    <a:pt x="17819" y="15464"/>
                  </a:cubicBezTo>
                  <a:lnTo>
                    <a:pt x="17819" y="5812"/>
                  </a:lnTo>
                  <a:cubicBezTo>
                    <a:pt x="17819" y="5432"/>
                    <a:pt x="17829" y="5097"/>
                    <a:pt x="17842" y="4844"/>
                  </a:cubicBezTo>
                  <a:cubicBezTo>
                    <a:pt x="17842" y="4675"/>
                    <a:pt x="17859" y="4522"/>
                    <a:pt x="17873" y="4396"/>
                  </a:cubicBezTo>
                  <a:cubicBezTo>
                    <a:pt x="17873" y="4332"/>
                    <a:pt x="17888" y="4268"/>
                    <a:pt x="17888" y="4226"/>
                  </a:cubicBezTo>
                  <a:cubicBezTo>
                    <a:pt x="17901" y="4184"/>
                    <a:pt x="17898" y="4123"/>
                    <a:pt x="17911" y="4081"/>
                  </a:cubicBezTo>
                  <a:cubicBezTo>
                    <a:pt x="17924" y="4039"/>
                    <a:pt x="17928" y="4014"/>
                    <a:pt x="17941" y="3972"/>
                  </a:cubicBezTo>
                  <a:cubicBezTo>
                    <a:pt x="17968" y="3866"/>
                    <a:pt x="18018" y="3805"/>
                    <a:pt x="18071" y="3742"/>
                  </a:cubicBezTo>
                  <a:cubicBezTo>
                    <a:pt x="18125" y="3700"/>
                    <a:pt x="18188" y="3657"/>
                    <a:pt x="18255" y="3657"/>
                  </a:cubicBezTo>
                  <a:lnTo>
                    <a:pt x="18270" y="3657"/>
                  </a:lnTo>
                  <a:cubicBezTo>
                    <a:pt x="18297" y="3657"/>
                    <a:pt x="18335" y="3660"/>
                    <a:pt x="18362" y="3681"/>
                  </a:cubicBezTo>
                  <a:cubicBezTo>
                    <a:pt x="18481" y="3724"/>
                    <a:pt x="18566" y="3845"/>
                    <a:pt x="18606" y="4057"/>
                  </a:cubicBezTo>
                  <a:cubicBezTo>
                    <a:pt x="18659" y="4310"/>
                    <a:pt x="18682" y="4922"/>
                    <a:pt x="18682" y="5873"/>
                  </a:cubicBezTo>
                  <a:lnTo>
                    <a:pt x="18682" y="7580"/>
                  </a:lnTo>
                  <a:lnTo>
                    <a:pt x="18736" y="7580"/>
                  </a:lnTo>
                  <a:lnTo>
                    <a:pt x="21577" y="7580"/>
                  </a:lnTo>
                  <a:lnTo>
                    <a:pt x="21585" y="7580"/>
                  </a:lnTo>
                  <a:cubicBezTo>
                    <a:pt x="21585" y="7390"/>
                    <a:pt x="21585" y="7229"/>
                    <a:pt x="21585" y="7060"/>
                  </a:cubicBezTo>
                  <a:lnTo>
                    <a:pt x="21585" y="5861"/>
                  </a:lnTo>
                  <a:cubicBezTo>
                    <a:pt x="21585" y="5819"/>
                    <a:pt x="21585" y="5746"/>
                    <a:pt x="21585" y="5704"/>
                  </a:cubicBezTo>
                  <a:cubicBezTo>
                    <a:pt x="21571" y="5302"/>
                    <a:pt x="21537" y="4973"/>
                    <a:pt x="21524" y="4698"/>
                  </a:cubicBezTo>
                  <a:cubicBezTo>
                    <a:pt x="21470" y="3853"/>
                    <a:pt x="21297" y="3068"/>
                    <a:pt x="21004" y="2349"/>
                  </a:cubicBezTo>
                  <a:cubicBezTo>
                    <a:pt x="20778" y="1779"/>
                    <a:pt x="20482" y="1331"/>
                    <a:pt x="20149" y="993"/>
                  </a:cubicBezTo>
                  <a:cubicBezTo>
                    <a:pt x="20056" y="887"/>
                    <a:pt x="19958" y="802"/>
                    <a:pt x="19851" y="739"/>
                  </a:cubicBezTo>
                  <a:cubicBezTo>
                    <a:pt x="19411" y="401"/>
                    <a:pt x="18923" y="227"/>
                    <a:pt x="18377" y="206"/>
                  </a:cubicBezTo>
                  <a:cubicBezTo>
                    <a:pt x="18337" y="206"/>
                    <a:pt x="18279" y="206"/>
                    <a:pt x="18239" y="206"/>
                  </a:cubicBezTo>
                  <a:close/>
                  <a:moveTo>
                    <a:pt x="7997" y="424"/>
                  </a:moveTo>
                  <a:lnTo>
                    <a:pt x="7997" y="3512"/>
                  </a:lnTo>
                  <a:lnTo>
                    <a:pt x="7997" y="5498"/>
                  </a:lnTo>
                  <a:lnTo>
                    <a:pt x="10892" y="5413"/>
                  </a:lnTo>
                  <a:lnTo>
                    <a:pt x="10892" y="3936"/>
                  </a:lnTo>
                  <a:lnTo>
                    <a:pt x="12954" y="6212"/>
                  </a:lnTo>
                  <a:lnTo>
                    <a:pt x="10892" y="8477"/>
                  </a:lnTo>
                  <a:lnTo>
                    <a:pt x="10892" y="6999"/>
                  </a:lnTo>
                  <a:lnTo>
                    <a:pt x="7997" y="6914"/>
                  </a:lnTo>
                  <a:lnTo>
                    <a:pt x="7997" y="21022"/>
                  </a:lnTo>
                  <a:lnTo>
                    <a:pt x="10899" y="21022"/>
                  </a:lnTo>
                  <a:lnTo>
                    <a:pt x="10899" y="12315"/>
                  </a:lnTo>
                  <a:lnTo>
                    <a:pt x="11678" y="12315"/>
                  </a:lnTo>
                  <a:cubicBezTo>
                    <a:pt x="12318" y="12315"/>
                    <a:pt x="12821" y="12148"/>
                    <a:pt x="13221" y="11831"/>
                  </a:cubicBezTo>
                  <a:cubicBezTo>
                    <a:pt x="13608" y="11514"/>
                    <a:pt x="13884" y="11054"/>
                    <a:pt x="14031" y="10462"/>
                  </a:cubicBezTo>
                  <a:cubicBezTo>
                    <a:pt x="14031" y="10441"/>
                    <a:pt x="14046" y="10423"/>
                    <a:pt x="14046" y="10402"/>
                  </a:cubicBezTo>
                  <a:cubicBezTo>
                    <a:pt x="14166" y="9895"/>
                    <a:pt x="14231" y="9367"/>
                    <a:pt x="14245" y="8416"/>
                  </a:cubicBezTo>
                  <a:lnTo>
                    <a:pt x="14245" y="5728"/>
                  </a:lnTo>
                  <a:cubicBezTo>
                    <a:pt x="14245" y="4777"/>
                    <a:pt x="14206" y="4037"/>
                    <a:pt x="14153" y="3487"/>
                  </a:cubicBezTo>
                  <a:cubicBezTo>
                    <a:pt x="14153" y="3445"/>
                    <a:pt x="14138" y="3381"/>
                    <a:pt x="14138" y="3318"/>
                  </a:cubicBezTo>
                  <a:cubicBezTo>
                    <a:pt x="14058" y="2705"/>
                    <a:pt x="13923" y="2178"/>
                    <a:pt x="13710" y="1756"/>
                  </a:cubicBezTo>
                  <a:cubicBezTo>
                    <a:pt x="13497" y="1333"/>
                    <a:pt x="13182" y="995"/>
                    <a:pt x="12755" y="763"/>
                  </a:cubicBezTo>
                  <a:cubicBezTo>
                    <a:pt x="12316" y="530"/>
                    <a:pt x="11714" y="424"/>
                    <a:pt x="10915" y="424"/>
                  </a:cubicBezTo>
                  <a:lnTo>
                    <a:pt x="7997" y="424"/>
                  </a:lnTo>
                  <a:close/>
                  <a:moveTo>
                    <a:pt x="0" y="6757"/>
                  </a:moveTo>
                  <a:lnTo>
                    <a:pt x="0" y="12485"/>
                  </a:lnTo>
                  <a:cubicBezTo>
                    <a:pt x="0" y="14597"/>
                    <a:pt x="31" y="16084"/>
                    <a:pt x="84" y="16929"/>
                  </a:cubicBezTo>
                  <a:cubicBezTo>
                    <a:pt x="137" y="17774"/>
                    <a:pt x="310" y="18548"/>
                    <a:pt x="603" y="19266"/>
                  </a:cubicBezTo>
                  <a:cubicBezTo>
                    <a:pt x="883" y="19984"/>
                    <a:pt x="1269" y="20517"/>
                    <a:pt x="1749" y="20877"/>
                  </a:cubicBezTo>
                  <a:cubicBezTo>
                    <a:pt x="2229" y="21236"/>
                    <a:pt x="2761" y="21409"/>
                    <a:pt x="3361" y="21409"/>
                  </a:cubicBezTo>
                  <a:cubicBezTo>
                    <a:pt x="3987" y="21409"/>
                    <a:pt x="4544" y="21220"/>
                    <a:pt x="5010" y="20840"/>
                  </a:cubicBezTo>
                  <a:cubicBezTo>
                    <a:pt x="5490" y="20460"/>
                    <a:pt x="5869" y="19900"/>
                    <a:pt x="6149" y="19181"/>
                  </a:cubicBezTo>
                  <a:cubicBezTo>
                    <a:pt x="6428" y="18484"/>
                    <a:pt x="6584" y="17689"/>
                    <a:pt x="6637" y="16844"/>
                  </a:cubicBezTo>
                  <a:cubicBezTo>
                    <a:pt x="6691" y="15999"/>
                    <a:pt x="6714" y="14510"/>
                    <a:pt x="6714" y="12461"/>
                  </a:cubicBezTo>
                  <a:lnTo>
                    <a:pt x="6714" y="8973"/>
                  </a:lnTo>
                  <a:cubicBezTo>
                    <a:pt x="6714" y="8212"/>
                    <a:pt x="6719" y="7542"/>
                    <a:pt x="6706" y="6951"/>
                  </a:cubicBezTo>
                  <a:lnTo>
                    <a:pt x="3811" y="6866"/>
                  </a:lnTo>
                  <a:lnTo>
                    <a:pt x="3811" y="15173"/>
                  </a:lnTo>
                  <a:cubicBezTo>
                    <a:pt x="3811" y="16377"/>
                    <a:pt x="3781" y="17154"/>
                    <a:pt x="3727" y="17450"/>
                  </a:cubicBezTo>
                  <a:cubicBezTo>
                    <a:pt x="3674" y="17766"/>
                    <a:pt x="3547" y="17934"/>
                    <a:pt x="3361" y="17934"/>
                  </a:cubicBezTo>
                  <a:cubicBezTo>
                    <a:pt x="3161" y="17934"/>
                    <a:pt x="3040" y="17785"/>
                    <a:pt x="2986" y="17510"/>
                  </a:cubicBezTo>
                  <a:cubicBezTo>
                    <a:pt x="2933" y="17235"/>
                    <a:pt x="2910" y="16501"/>
                    <a:pt x="2910" y="15318"/>
                  </a:cubicBezTo>
                  <a:lnTo>
                    <a:pt x="2910" y="6830"/>
                  </a:lnTo>
                  <a:lnTo>
                    <a:pt x="0" y="6757"/>
                  </a:lnTo>
                  <a:close/>
                </a:path>
              </a:pathLst>
            </a:custGeom>
            <a:solidFill>
              <a:schemeClr val="accent1">
                <a:hueOff val="4599999"/>
                <a:satOff val="-47058"/>
                <a:lumOff val="-30000"/>
              </a:schemeClr>
            </a:solidFill>
            <a:ln w="12700">
              <a:miter lim="400000"/>
            </a:ln>
          </p:spPr>
          <p:txBody>
            <a:bodyPr lIns="38100" tIns="38100" rIns="38100" bIns="38100" anchor="ctr"/>
            <a:lstStyle/>
            <a:p>
              <a:pPr algn="ctr" defTabSz="457200">
                <a:defRPr sz="3000">
                  <a:solidFill>
                    <a:srgbClr val="FFFFFF"/>
                  </a:solidFill>
                  <a:effectLst>
                    <a:outerShdw blurRad="38100" dist="12700" dir="5400000" rotWithShape="0">
                      <a:srgbClr val="000000">
                        <a:alpha val="50000"/>
                      </a:srgbClr>
                    </a:outerShdw>
                  </a:effectLst>
                  <a:latin typeface="Gill Sans"/>
                  <a:ea typeface="Gill Sans"/>
                  <a:cs typeface="Gill Sans"/>
                  <a:sym typeface="Gill Sans"/>
                </a:defRPr>
              </a:pPr>
              <a:endParaRPr b="0" i="0" dirty="0">
                <a:latin typeface="PolySans Slim" pitchFamily="2" charset="77"/>
              </a:endParaRPr>
            </a:p>
          </p:txBody>
        </p:sp>
        <p:cxnSp>
          <p:nvCxnSpPr>
            <p:cNvPr id="5" name="Straight Connector 4">
              <a:extLst>
                <a:ext uri="{FF2B5EF4-FFF2-40B4-BE49-F238E27FC236}">
                  <a16:creationId xmlns:a16="http://schemas.microsoft.com/office/drawing/2014/main" id="{09B9C862-7097-2C4B-A165-76CCA60113A4}"/>
                </a:ext>
              </a:extLst>
            </p:cNvPr>
            <p:cNvCxnSpPr/>
            <p:nvPr userDrawn="1"/>
          </p:nvCxnSpPr>
          <p:spPr>
            <a:xfrm>
              <a:off x="2114550" y="573087"/>
              <a:ext cx="0" cy="707692"/>
            </a:xfrm>
            <a:prstGeom prst="line">
              <a:avLst/>
            </a:prstGeom>
            <a:ln w="17145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pic>
          <p:nvPicPr>
            <p:cNvPr id="6" name="Graphic 5">
              <a:extLst>
                <a:ext uri="{FF2B5EF4-FFF2-40B4-BE49-F238E27FC236}">
                  <a16:creationId xmlns:a16="http://schemas.microsoft.com/office/drawing/2014/main" id="{E670967D-F8D3-BD42-84DC-0F60D91716E0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2425217" y="525269"/>
              <a:ext cx="2035621" cy="853880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179897463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4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54B47312-292B-144F-8A4A-2C7D98D990CF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7" name="Shape">
            <a:extLst>
              <a:ext uri="{FF2B5EF4-FFF2-40B4-BE49-F238E27FC236}">
                <a16:creationId xmlns:a16="http://schemas.microsoft.com/office/drawing/2014/main" id="{3AB8E76D-8463-BD48-B11F-7A35E99FCA65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73090320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hape">
            <a:extLst>
              <a:ext uri="{FF2B5EF4-FFF2-40B4-BE49-F238E27FC236}">
                <a16:creationId xmlns:a16="http://schemas.microsoft.com/office/drawing/2014/main" id="{2A5AE433-FA61-7588-EFD3-F557DB6BCD64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grpSp>
        <p:nvGrpSpPr>
          <p:cNvPr id="46" name="Group">
            <a:extLst>
              <a:ext uri="{FF2B5EF4-FFF2-40B4-BE49-F238E27FC236}">
                <a16:creationId xmlns:a16="http://schemas.microsoft.com/office/drawing/2014/main" id="{8101F73C-5E41-7F49-F14A-D608B993983B}"/>
              </a:ext>
            </a:extLst>
          </p:cNvPr>
          <p:cNvGrpSpPr/>
          <p:nvPr userDrawn="1"/>
        </p:nvGrpSpPr>
        <p:grpSpPr>
          <a:xfrm>
            <a:off x="8126793" y="0"/>
            <a:ext cx="4065208" cy="2033829"/>
            <a:chOff x="0" y="0"/>
            <a:chExt cx="4065206" cy="2033828"/>
          </a:xfrm>
        </p:grpSpPr>
        <p:sp>
          <p:nvSpPr>
            <p:cNvPr id="47" name="Triangle">
              <a:extLst>
                <a:ext uri="{FF2B5EF4-FFF2-40B4-BE49-F238E27FC236}">
                  <a16:creationId xmlns:a16="http://schemas.microsoft.com/office/drawing/2014/main" id="{9E8F0E8F-7870-6C8D-FA72-7A61B438E992}"/>
                </a:ext>
              </a:extLst>
            </p:cNvPr>
            <p:cNvSpPr/>
            <p:nvPr/>
          </p:nvSpPr>
          <p:spPr>
            <a:xfrm rot="10800000">
              <a:off x="3048292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48" name="Triangle">
              <a:extLst>
                <a:ext uri="{FF2B5EF4-FFF2-40B4-BE49-F238E27FC236}">
                  <a16:creationId xmlns:a16="http://schemas.microsoft.com/office/drawing/2014/main" id="{C285B950-5876-00B7-8421-25ADDD21D24B}"/>
                </a:ext>
              </a:extLst>
            </p:cNvPr>
            <p:cNvSpPr/>
            <p:nvPr/>
          </p:nvSpPr>
          <p:spPr>
            <a:xfrm rot="10800000">
              <a:off x="2031377" y="0"/>
              <a:ext cx="1016916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49" name="Triangle">
              <a:extLst>
                <a:ext uri="{FF2B5EF4-FFF2-40B4-BE49-F238E27FC236}">
                  <a16:creationId xmlns:a16="http://schemas.microsoft.com/office/drawing/2014/main" id="{537F6465-B552-3863-278D-4834F880BE67}"/>
                </a:ext>
              </a:extLst>
            </p:cNvPr>
            <p:cNvSpPr/>
            <p:nvPr/>
          </p:nvSpPr>
          <p:spPr>
            <a:xfrm rot="10800000">
              <a:off x="1016914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50" name="Triangle">
              <a:extLst>
                <a:ext uri="{FF2B5EF4-FFF2-40B4-BE49-F238E27FC236}">
                  <a16:creationId xmlns:a16="http://schemas.microsoft.com/office/drawing/2014/main" id="{2E02CA33-FD59-B9C7-638A-5C9FB5267A05}"/>
                </a:ext>
              </a:extLst>
            </p:cNvPr>
            <p:cNvSpPr/>
            <p:nvPr/>
          </p:nvSpPr>
          <p:spPr>
            <a:xfrm rot="10800000">
              <a:off x="0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51" name="Triangle">
              <a:extLst>
                <a:ext uri="{FF2B5EF4-FFF2-40B4-BE49-F238E27FC236}">
                  <a16:creationId xmlns:a16="http://schemas.microsoft.com/office/drawing/2014/main" id="{7626C956-B53D-9315-8CD5-D34BE5903891}"/>
                </a:ext>
              </a:extLst>
            </p:cNvPr>
            <p:cNvSpPr/>
            <p:nvPr/>
          </p:nvSpPr>
          <p:spPr>
            <a:xfrm rot="10800000">
              <a:off x="3048292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52" name="Triangle">
              <a:extLst>
                <a:ext uri="{FF2B5EF4-FFF2-40B4-BE49-F238E27FC236}">
                  <a16:creationId xmlns:a16="http://schemas.microsoft.com/office/drawing/2014/main" id="{9C214513-CE54-7AD8-B77E-DC60F71ECF12}"/>
                </a:ext>
              </a:extLst>
            </p:cNvPr>
            <p:cNvSpPr/>
            <p:nvPr/>
          </p:nvSpPr>
          <p:spPr>
            <a:xfrm rot="10800000">
              <a:off x="2031377" y="1016914"/>
              <a:ext cx="1016916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53" name="Triangle">
              <a:extLst>
                <a:ext uri="{FF2B5EF4-FFF2-40B4-BE49-F238E27FC236}">
                  <a16:creationId xmlns:a16="http://schemas.microsoft.com/office/drawing/2014/main" id="{EDD1AE18-3C16-78F3-E909-FD69345B48D9}"/>
                </a:ext>
              </a:extLst>
            </p:cNvPr>
            <p:cNvSpPr/>
            <p:nvPr/>
          </p:nvSpPr>
          <p:spPr>
            <a:xfrm rot="10800000">
              <a:off x="1016914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54" name="Triangle">
              <a:extLst>
                <a:ext uri="{FF2B5EF4-FFF2-40B4-BE49-F238E27FC236}">
                  <a16:creationId xmlns:a16="http://schemas.microsoft.com/office/drawing/2014/main" id="{FE61A043-1227-A13F-01DA-F3DAC894B101}"/>
                </a:ext>
              </a:extLst>
            </p:cNvPr>
            <p:cNvSpPr/>
            <p:nvPr/>
          </p:nvSpPr>
          <p:spPr>
            <a:xfrm rot="10800000">
              <a:off x="0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</p:grpSp>
      <p:sp>
        <p:nvSpPr>
          <p:cNvPr id="61" name="Shape">
            <a:extLst>
              <a:ext uri="{FF2B5EF4-FFF2-40B4-BE49-F238E27FC236}">
                <a16:creationId xmlns:a16="http://schemas.microsoft.com/office/drawing/2014/main" id="{3E31740A-41CB-4FC1-EA23-DD467BC0C3A7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4180F1D-E0DD-BB45-B733-9431844A4AD8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34035" y="553357"/>
            <a:ext cx="4991100" cy="1393825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4400" b="1" i="0"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wo line headline here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6B27853F-0130-1544-A24A-BBDCE0918FE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70858" y="3126422"/>
            <a:ext cx="3164671" cy="392112"/>
          </a:xfrm>
        </p:spPr>
        <p:txBody>
          <a:bodyPr>
            <a:noAutofit/>
          </a:bodyPr>
          <a:lstStyle>
            <a:lvl1pPr>
              <a:defRPr sz="2000"/>
            </a:lvl1pPr>
          </a:lstStyle>
          <a:p>
            <a:pPr lvl="0"/>
            <a:r>
              <a:rPr lang="en-US" dirty="0"/>
              <a:t>Insert subhead here</a:t>
            </a:r>
          </a:p>
        </p:txBody>
      </p:sp>
      <p:sp>
        <p:nvSpPr>
          <p:cNvPr id="20" name="Text Placeholder 36">
            <a:extLst>
              <a:ext uri="{FF2B5EF4-FFF2-40B4-BE49-F238E27FC236}">
                <a16:creationId xmlns:a16="http://schemas.microsoft.com/office/drawing/2014/main" id="{97DF4668-3A44-C341-BDC8-7415B90EC77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0858" y="3536949"/>
            <a:ext cx="3164671" cy="2489201"/>
          </a:xfrm>
        </p:spPr>
        <p:txBody>
          <a:bodyPr/>
          <a:lstStyle>
            <a:lvl2pPr marL="177800" marR="0" indent="-171450" algn="l" defTabSz="914400" rtl="0" eaLnBrk="1" fontAlgn="auto" latinLnBrk="0" hangingPunct="1">
              <a:lnSpc>
                <a:spcPct val="130000"/>
              </a:lnSpc>
              <a:spcBef>
                <a:spcPts val="5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</a:t>
            </a:r>
          </a:p>
          <a:p>
            <a:pPr marL="177800" marR="0" lvl="1" indent="-171450" algn="l" defTabSz="914400" rtl="0" eaLnBrk="1" fontAlgn="auto" latinLnBrk="0" hangingPunct="1">
              <a:lnSpc>
                <a:spcPct val="130000"/>
              </a:lnSpc>
              <a:spcBef>
                <a:spcPts val="5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</a:t>
            </a:r>
          </a:p>
          <a:p>
            <a:pPr marL="177800" marR="0" lvl="1" indent="-171450" algn="l" defTabSz="914400" rtl="0" eaLnBrk="1" fontAlgn="auto" latinLnBrk="0" hangingPunct="1">
              <a:lnSpc>
                <a:spcPct val="130000"/>
              </a:lnSpc>
              <a:spcBef>
                <a:spcPts val="5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</a:t>
            </a:r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9ACB40E3-22D7-C747-8FD0-94340C3AF5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305830" y="3126422"/>
            <a:ext cx="3164671" cy="392112"/>
          </a:xfrm>
        </p:spPr>
        <p:txBody>
          <a:bodyPr>
            <a:noAutofit/>
          </a:bodyPr>
          <a:lstStyle>
            <a:lvl1pPr>
              <a:defRPr sz="2000"/>
            </a:lvl1pPr>
          </a:lstStyle>
          <a:p>
            <a:pPr lvl="0"/>
            <a:r>
              <a:rPr lang="en-US" dirty="0"/>
              <a:t>Insert subhead here</a:t>
            </a:r>
          </a:p>
        </p:txBody>
      </p:sp>
      <p:sp>
        <p:nvSpPr>
          <p:cNvPr id="38" name="Text Placeholder 36">
            <a:extLst>
              <a:ext uri="{FF2B5EF4-FFF2-40B4-BE49-F238E27FC236}">
                <a16:creationId xmlns:a16="http://schemas.microsoft.com/office/drawing/2014/main" id="{F27E5152-315E-5644-A208-3D4178BD52B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305830" y="3536949"/>
            <a:ext cx="3164671" cy="2489201"/>
          </a:xfrm>
        </p:spPr>
        <p:txBody>
          <a:bodyPr/>
          <a:lstStyle>
            <a:lvl2pPr marL="177800" marR="0" indent="-171450" algn="l" defTabSz="914400" rtl="0" eaLnBrk="1" fontAlgn="auto" latinLnBrk="0" hangingPunct="1">
              <a:lnSpc>
                <a:spcPct val="130000"/>
              </a:lnSpc>
              <a:spcBef>
                <a:spcPts val="5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</a:t>
            </a:r>
          </a:p>
          <a:p>
            <a:pPr marL="177800" marR="0" lvl="1" indent="-171450" algn="l" defTabSz="914400" rtl="0" eaLnBrk="1" fontAlgn="auto" latinLnBrk="0" hangingPunct="1">
              <a:lnSpc>
                <a:spcPct val="130000"/>
              </a:lnSpc>
              <a:spcBef>
                <a:spcPts val="5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</a:t>
            </a:r>
          </a:p>
          <a:p>
            <a:pPr marL="177800" marR="0" lvl="1" indent="-171450" algn="l" defTabSz="914400" rtl="0" eaLnBrk="1" fontAlgn="auto" latinLnBrk="0" hangingPunct="1">
              <a:lnSpc>
                <a:spcPct val="130000"/>
              </a:lnSpc>
              <a:spcBef>
                <a:spcPts val="5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</a:t>
            </a:r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  <p:sp>
        <p:nvSpPr>
          <p:cNvPr id="41" name="Text Placeholder 2">
            <a:extLst>
              <a:ext uri="{FF2B5EF4-FFF2-40B4-BE49-F238E27FC236}">
                <a16:creationId xmlns:a16="http://schemas.microsoft.com/office/drawing/2014/main" id="{D554126D-D3F4-6A44-AF47-7AB0258F487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977498" y="3126422"/>
            <a:ext cx="3164671" cy="392112"/>
          </a:xfrm>
        </p:spPr>
        <p:txBody>
          <a:bodyPr>
            <a:noAutofit/>
          </a:bodyPr>
          <a:lstStyle>
            <a:lvl1pPr>
              <a:defRPr sz="2000"/>
            </a:lvl1pPr>
          </a:lstStyle>
          <a:p>
            <a:pPr lvl="0"/>
            <a:r>
              <a:rPr lang="en-US" dirty="0"/>
              <a:t>Insert subhead here</a:t>
            </a:r>
          </a:p>
        </p:txBody>
      </p:sp>
      <p:sp>
        <p:nvSpPr>
          <p:cNvPr id="42" name="Text Placeholder 36">
            <a:extLst>
              <a:ext uri="{FF2B5EF4-FFF2-40B4-BE49-F238E27FC236}">
                <a16:creationId xmlns:a16="http://schemas.microsoft.com/office/drawing/2014/main" id="{1D05D5CE-7E3A-C44B-B686-C10194B1EE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977498" y="3536949"/>
            <a:ext cx="3164671" cy="2489201"/>
          </a:xfrm>
        </p:spPr>
        <p:txBody>
          <a:bodyPr/>
          <a:lstStyle>
            <a:lvl2pPr marL="177800" marR="0" indent="-171450" algn="l" defTabSz="914400" rtl="0" eaLnBrk="1" fontAlgn="auto" latinLnBrk="0" hangingPunct="1">
              <a:lnSpc>
                <a:spcPct val="130000"/>
              </a:lnSpc>
              <a:spcBef>
                <a:spcPts val="5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</a:t>
            </a:r>
          </a:p>
          <a:p>
            <a:pPr marL="177800" marR="0" lvl="1" indent="-171450" algn="l" defTabSz="914400" rtl="0" eaLnBrk="1" fontAlgn="auto" latinLnBrk="0" hangingPunct="1">
              <a:lnSpc>
                <a:spcPct val="130000"/>
              </a:lnSpc>
              <a:spcBef>
                <a:spcPts val="5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</a:t>
            </a:r>
          </a:p>
          <a:p>
            <a:pPr marL="177800" marR="0" lvl="1" indent="-171450" algn="l" defTabSz="914400" rtl="0" eaLnBrk="1" fontAlgn="auto" latinLnBrk="0" hangingPunct="1">
              <a:lnSpc>
                <a:spcPct val="130000"/>
              </a:lnSpc>
              <a:spcBef>
                <a:spcPts val="5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</a:t>
            </a:r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83014717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0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hape">
            <a:extLst>
              <a:ext uri="{FF2B5EF4-FFF2-40B4-BE49-F238E27FC236}">
                <a16:creationId xmlns:a16="http://schemas.microsoft.com/office/drawing/2014/main" id="{2A5AE433-FA61-7588-EFD3-F557DB6BCD64}"/>
              </a:ext>
            </a:extLst>
          </p:cNvPr>
          <p:cNvSpPr/>
          <p:nvPr userDrawn="1"/>
        </p:nvSpPr>
        <p:spPr>
          <a:xfrm rot="16200000" flipH="1">
            <a:off x="-1" y="5098595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grpSp>
        <p:nvGrpSpPr>
          <p:cNvPr id="46" name="Group">
            <a:extLst>
              <a:ext uri="{FF2B5EF4-FFF2-40B4-BE49-F238E27FC236}">
                <a16:creationId xmlns:a16="http://schemas.microsoft.com/office/drawing/2014/main" id="{8101F73C-5E41-7F49-F14A-D608B993983B}"/>
              </a:ext>
            </a:extLst>
          </p:cNvPr>
          <p:cNvGrpSpPr/>
          <p:nvPr userDrawn="1"/>
        </p:nvGrpSpPr>
        <p:grpSpPr>
          <a:xfrm>
            <a:off x="8126793" y="0"/>
            <a:ext cx="4065208" cy="2033829"/>
            <a:chOff x="0" y="0"/>
            <a:chExt cx="4065206" cy="2033828"/>
          </a:xfrm>
        </p:grpSpPr>
        <p:sp>
          <p:nvSpPr>
            <p:cNvPr id="47" name="Triangle">
              <a:extLst>
                <a:ext uri="{FF2B5EF4-FFF2-40B4-BE49-F238E27FC236}">
                  <a16:creationId xmlns:a16="http://schemas.microsoft.com/office/drawing/2014/main" id="{9E8F0E8F-7870-6C8D-FA72-7A61B438E992}"/>
                </a:ext>
              </a:extLst>
            </p:cNvPr>
            <p:cNvSpPr/>
            <p:nvPr/>
          </p:nvSpPr>
          <p:spPr>
            <a:xfrm rot="10800000">
              <a:off x="3048292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48" name="Triangle">
              <a:extLst>
                <a:ext uri="{FF2B5EF4-FFF2-40B4-BE49-F238E27FC236}">
                  <a16:creationId xmlns:a16="http://schemas.microsoft.com/office/drawing/2014/main" id="{C285B950-5876-00B7-8421-25ADDD21D24B}"/>
                </a:ext>
              </a:extLst>
            </p:cNvPr>
            <p:cNvSpPr/>
            <p:nvPr/>
          </p:nvSpPr>
          <p:spPr>
            <a:xfrm rot="10800000">
              <a:off x="2031377" y="0"/>
              <a:ext cx="1016916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49" name="Triangle">
              <a:extLst>
                <a:ext uri="{FF2B5EF4-FFF2-40B4-BE49-F238E27FC236}">
                  <a16:creationId xmlns:a16="http://schemas.microsoft.com/office/drawing/2014/main" id="{537F6465-B552-3863-278D-4834F880BE67}"/>
                </a:ext>
              </a:extLst>
            </p:cNvPr>
            <p:cNvSpPr/>
            <p:nvPr/>
          </p:nvSpPr>
          <p:spPr>
            <a:xfrm rot="10800000">
              <a:off x="1016914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50" name="Triangle">
              <a:extLst>
                <a:ext uri="{FF2B5EF4-FFF2-40B4-BE49-F238E27FC236}">
                  <a16:creationId xmlns:a16="http://schemas.microsoft.com/office/drawing/2014/main" id="{2E02CA33-FD59-B9C7-638A-5C9FB5267A05}"/>
                </a:ext>
              </a:extLst>
            </p:cNvPr>
            <p:cNvSpPr/>
            <p:nvPr/>
          </p:nvSpPr>
          <p:spPr>
            <a:xfrm rot="10800000">
              <a:off x="0" y="0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51" name="Triangle">
              <a:extLst>
                <a:ext uri="{FF2B5EF4-FFF2-40B4-BE49-F238E27FC236}">
                  <a16:creationId xmlns:a16="http://schemas.microsoft.com/office/drawing/2014/main" id="{7626C956-B53D-9315-8CD5-D34BE5903891}"/>
                </a:ext>
              </a:extLst>
            </p:cNvPr>
            <p:cNvSpPr/>
            <p:nvPr/>
          </p:nvSpPr>
          <p:spPr>
            <a:xfrm rot="10800000">
              <a:off x="3048292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52" name="Triangle">
              <a:extLst>
                <a:ext uri="{FF2B5EF4-FFF2-40B4-BE49-F238E27FC236}">
                  <a16:creationId xmlns:a16="http://schemas.microsoft.com/office/drawing/2014/main" id="{9C214513-CE54-7AD8-B77E-DC60F71ECF12}"/>
                </a:ext>
              </a:extLst>
            </p:cNvPr>
            <p:cNvSpPr/>
            <p:nvPr/>
          </p:nvSpPr>
          <p:spPr>
            <a:xfrm rot="10800000">
              <a:off x="2031377" y="1016914"/>
              <a:ext cx="1016916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53" name="Triangle">
              <a:extLst>
                <a:ext uri="{FF2B5EF4-FFF2-40B4-BE49-F238E27FC236}">
                  <a16:creationId xmlns:a16="http://schemas.microsoft.com/office/drawing/2014/main" id="{EDD1AE18-3C16-78F3-E909-FD69345B48D9}"/>
                </a:ext>
              </a:extLst>
            </p:cNvPr>
            <p:cNvSpPr/>
            <p:nvPr/>
          </p:nvSpPr>
          <p:spPr>
            <a:xfrm rot="10800000">
              <a:off x="1016914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54" name="Triangle">
              <a:extLst>
                <a:ext uri="{FF2B5EF4-FFF2-40B4-BE49-F238E27FC236}">
                  <a16:creationId xmlns:a16="http://schemas.microsoft.com/office/drawing/2014/main" id="{FE61A043-1227-A13F-01DA-F3DAC894B101}"/>
                </a:ext>
              </a:extLst>
            </p:cNvPr>
            <p:cNvSpPr/>
            <p:nvPr/>
          </p:nvSpPr>
          <p:spPr>
            <a:xfrm rot="10800000">
              <a:off x="0" y="1016914"/>
              <a:ext cx="1016915" cy="1016915"/>
            </a:xfrm>
            <a:custGeom>
              <a:avLst/>
              <a:gdLst/>
              <a:ahLst/>
              <a:cxnLst>
                <a:cxn ang="0">
                  <a:pos x="wd2" y="hd2"/>
                </a:cxn>
                <a:cxn ang="5400000">
                  <a:pos x="wd2" y="hd2"/>
                </a:cxn>
                <a:cxn ang="10800000">
                  <a:pos x="wd2" y="hd2"/>
                </a:cxn>
                <a:cxn ang="16200000">
                  <a:pos x="wd2" y="hd2"/>
                </a:cxn>
              </a:cxnLst>
              <a:rect l="0" t="0" r="r" b="b"/>
              <a:pathLst>
                <a:path w="21600" h="21600" extrusionOk="0">
                  <a:moveTo>
                    <a:pt x="0" y="0"/>
                  </a:moveTo>
                  <a:lnTo>
                    <a:pt x="0" y="21600"/>
                  </a:lnTo>
                  <a:lnTo>
                    <a:pt x="21600" y="21600"/>
                  </a:lnTo>
                  <a:close/>
                </a:path>
              </a:pathLst>
            </a:custGeom>
            <a:solidFill>
              <a:srgbClr val="FFFFFF"/>
            </a:solidFill>
            <a:ln w="12700" cap="flat">
              <a:noFill/>
              <a:miter lim="400000"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</p:grpSp>
      <p:sp>
        <p:nvSpPr>
          <p:cNvPr id="61" name="Shape">
            <a:extLst>
              <a:ext uri="{FF2B5EF4-FFF2-40B4-BE49-F238E27FC236}">
                <a16:creationId xmlns:a16="http://schemas.microsoft.com/office/drawing/2014/main" id="{3E31740A-41CB-4FC1-EA23-DD467BC0C3A7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AA788B1-9BB4-154F-808A-87F14062DF21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34034" y="553358"/>
            <a:ext cx="6629911" cy="463556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2400" b="1" i="0"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wo line headline here (continuation)</a:t>
            </a:r>
          </a:p>
        </p:txBody>
      </p:sp>
      <p:sp>
        <p:nvSpPr>
          <p:cNvPr id="14" name="Text Placeholder 36">
            <a:extLst>
              <a:ext uri="{FF2B5EF4-FFF2-40B4-BE49-F238E27FC236}">
                <a16:creationId xmlns:a16="http://schemas.microsoft.com/office/drawing/2014/main" id="{4A3CA228-F6B8-214D-95FF-95F1E11781E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0857" y="1364131"/>
            <a:ext cx="6593087" cy="3121978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2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6226726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" name="Title Placeholder 2">
            <a:extLst>
              <a:ext uri="{FF2B5EF4-FFF2-40B4-BE49-F238E27FC236}">
                <a16:creationId xmlns:a16="http://schemas.microsoft.com/office/drawing/2014/main" id="{AE395C37-2C12-384F-BA5A-F060BF98FA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41020" y="4426983"/>
            <a:ext cx="9288780" cy="1120211"/>
          </a:xfrm>
          <a:prstGeom prst="rect">
            <a:avLst/>
          </a:prstGeom>
        </p:spPr>
        <p:txBody>
          <a:bodyPr vert="horz" lIns="91440" tIns="45720" rIns="91440" bIns="45720" rtlCol="0" anchor="t"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CA" sz="3600" b="1" dirty="0">
                <a:solidFill>
                  <a:schemeClr val="bg1"/>
                </a:solidFill>
                <a:latin typeface="PolySans Bulky" pitchFamily="2" charset="77"/>
              </a:rPr>
              <a:t>Insert title slide</a:t>
            </a:r>
            <a:br>
              <a:rPr lang="en-CA" sz="3600" b="1" dirty="0">
                <a:solidFill>
                  <a:schemeClr val="bg1"/>
                </a:solidFill>
                <a:latin typeface="PolySans Bulky" pitchFamily="2" charset="77"/>
              </a:rPr>
            </a:br>
            <a:r>
              <a:rPr lang="en-CA" sz="3600" b="1" dirty="0">
                <a:solidFill>
                  <a:schemeClr val="bg1"/>
                </a:solidFill>
                <a:latin typeface="PolySans Bulky" pitchFamily="2" charset="77"/>
              </a:rPr>
              <a:t>Insert second level title slide</a:t>
            </a:r>
          </a:p>
        </p:txBody>
      </p:sp>
      <p:sp>
        <p:nvSpPr>
          <p:cNvPr id="67" name="Text Placeholder 64">
            <a:extLst>
              <a:ext uri="{FF2B5EF4-FFF2-40B4-BE49-F238E27FC236}">
                <a16:creationId xmlns:a16="http://schemas.microsoft.com/office/drawing/2014/main" id="{FAAF6DF8-0A88-C640-8688-257031A243F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541020" y="5571234"/>
            <a:ext cx="5646737" cy="424207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CA" sz="2400" dirty="0">
                <a:solidFill>
                  <a:schemeClr val="bg1"/>
                </a:solidFill>
                <a:latin typeface="PolySans Slim" pitchFamily="2" charset="77"/>
              </a:rPr>
              <a:t>Secondary title here</a:t>
            </a:r>
          </a:p>
        </p:txBody>
      </p:sp>
      <p:sp>
        <p:nvSpPr>
          <p:cNvPr id="71" name="Text Placeholder 69">
            <a:extLst>
              <a:ext uri="{FF2B5EF4-FFF2-40B4-BE49-F238E27FC236}">
                <a16:creationId xmlns:a16="http://schemas.microsoft.com/office/drawing/2014/main" id="{70F55BFD-B3E6-A242-BFE6-39B1BDBA800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31993" y="6153736"/>
            <a:ext cx="4557712" cy="32734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CA" sz="1600" dirty="0">
                <a:solidFill>
                  <a:schemeClr val="bg1"/>
                </a:solidFill>
                <a:latin typeface="PolySans Slim" pitchFamily="2" charset="77"/>
              </a:rPr>
              <a:t>Date • 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4046220326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7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hape">
            <a:extLst>
              <a:ext uri="{FF2B5EF4-FFF2-40B4-BE49-F238E27FC236}">
                <a16:creationId xmlns:a16="http://schemas.microsoft.com/office/drawing/2014/main" id="{4C56AD71-9F5E-133C-3BE7-931678116588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1" name="Shape">
            <a:extLst>
              <a:ext uri="{FF2B5EF4-FFF2-40B4-BE49-F238E27FC236}">
                <a16:creationId xmlns:a16="http://schemas.microsoft.com/office/drawing/2014/main" id="{1158F9E5-826C-04E5-4EBB-FEF28F4FD3EE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112050232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8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hape">
            <a:extLst>
              <a:ext uri="{FF2B5EF4-FFF2-40B4-BE49-F238E27FC236}">
                <a16:creationId xmlns:a16="http://schemas.microsoft.com/office/drawing/2014/main" id="{4C56AD71-9F5E-133C-3BE7-931678116588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1" name="Shape">
            <a:extLst>
              <a:ext uri="{FF2B5EF4-FFF2-40B4-BE49-F238E27FC236}">
                <a16:creationId xmlns:a16="http://schemas.microsoft.com/office/drawing/2014/main" id="{1158F9E5-826C-04E5-4EBB-FEF28F4FD3EE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1017716706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8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hape">
            <a:extLst>
              <a:ext uri="{FF2B5EF4-FFF2-40B4-BE49-F238E27FC236}">
                <a16:creationId xmlns:a16="http://schemas.microsoft.com/office/drawing/2014/main" id="{2D454A03-1673-5619-15CC-4B5F5603FE13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4" name="Rectangle">
            <a:extLst>
              <a:ext uri="{FF2B5EF4-FFF2-40B4-BE49-F238E27FC236}">
                <a16:creationId xmlns:a16="http://schemas.microsoft.com/office/drawing/2014/main" id="{478A3E9B-6264-4D6C-22E8-1B616077ED88}"/>
              </a:ext>
            </a:extLst>
          </p:cNvPr>
          <p:cNvSpPr/>
          <p:nvPr userDrawn="1"/>
        </p:nvSpPr>
        <p:spPr>
          <a:xfrm>
            <a:off x="5397" y="-29816"/>
            <a:ext cx="12181206" cy="2329276"/>
          </a:xfrm>
          <a:prstGeom prst="rect">
            <a:avLst/>
          </a:prstGeom>
          <a:solidFill>
            <a:schemeClr val="accent1">
              <a:hueOff val="-342857"/>
              <a:satOff val="-34375"/>
              <a:lumOff val="34901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8" name="Shape">
            <a:extLst>
              <a:ext uri="{FF2B5EF4-FFF2-40B4-BE49-F238E27FC236}">
                <a16:creationId xmlns:a16="http://schemas.microsoft.com/office/drawing/2014/main" id="{3F127FB8-527F-AB93-7D48-73DD9E1BAD5A}"/>
              </a:ext>
            </a:extLst>
          </p:cNvPr>
          <p:cNvSpPr/>
          <p:nvPr userDrawn="1"/>
        </p:nvSpPr>
        <p:spPr>
          <a:xfrm rot="5400000">
            <a:off x="5914325" y="2117785"/>
            <a:ext cx="363351" cy="72670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10800"/>
                </a:moveTo>
                <a:cubicBezTo>
                  <a:pt x="15636" y="10800"/>
                  <a:pt x="10234" y="12008"/>
                  <a:pt x="6328" y="13964"/>
                </a:cubicBezTo>
                <a:cubicBezTo>
                  <a:pt x="2416" y="15917"/>
                  <a:pt x="0" y="18618"/>
                  <a:pt x="0" y="21600"/>
                </a:cubicBezTo>
                <a:lnTo>
                  <a:pt x="0" y="0"/>
                </a:lnTo>
                <a:cubicBezTo>
                  <a:pt x="0" y="2982"/>
                  <a:pt x="2416" y="5683"/>
                  <a:pt x="6328" y="7636"/>
                </a:cubicBezTo>
                <a:cubicBezTo>
                  <a:pt x="10234" y="9592"/>
                  <a:pt x="15636" y="10800"/>
                  <a:pt x="21600" y="10800"/>
                </a:cubicBezTo>
                <a:close/>
              </a:path>
            </a:pathLst>
          </a:custGeom>
          <a:solidFill>
            <a:schemeClr val="accent1">
              <a:hueOff val="-342857"/>
              <a:satOff val="-34375"/>
              <a:lumOff val="34901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0" name="Shape">
            <a:extLst>
              <a:ext uri="{FF2B5EF4-FFF2-40B4-BE49-F238E27FC236}">
                <a16:creationId xmlns:a16="http://schemas.microsoft.com/office/drawing/2014/main" id="{C0609EA2-11CA-90E4-F866-7E7D5D42C8C8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B99D3C6-26F4-C645-8787-A3DAF1CAB0DD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-1" y="544487"/>
            <a:ext cx="12192001" cy="1393825"/>
          </a:xfrm>
        </p:spPr>
        <p:txBody>
          <a:bodyPr>
            <a:normAutofit/>
          </a:bodyPr>
          <a:lstStyle>
            <a:lvl1pPr algn="ctr">
              <a:defRPr sz="5400" b="1" i="0"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one line headline here</a:t>
            </a:r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4DCB18F8-372A-F445-9374-C05507AEBC8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090068" y="1504289"/>
            <a:ext cx="6011862" cy="434023"/>
          </a:xfrm>
        </p:spPr>
        <p:txBody>
          <a:bodyPr/>
          <a:lstStyle>
            <a:lvl1pPr algn="ctr">
              <a:defRPr sz="2400"/>
            </a:lvl1pPr>
          </a:lstStyle>
          <a:p>
            <a:pPr lvl="0"/>
            <a:r>
              <a:rPr lang="en-US" dirty="0"/>
              <a:t>Insert subhead or data caption here</a:t>
            </a:r>
          </a:p>
        </p:txBody>
      </p:sp>
    </p:spTree>
    <p:extLst>
      <p:ext uri="{BB962C8B-B14F-4D97-AF65-F5344CB8AC3E}">
        <p14:creationId xmlns:p14="http://schemas.microsoft.com/office/powerpoint/2010/main" val="290429982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9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hape">
            <a:extLst>
              <a:ext uri="{FF2B5EF4-FFF2-40B4-BE49-F238E27FC236}">
                <a16:creationId xmlns:a16="http://schemas.microsoft.com/office/drawing/2014/main" id="{F823DF3F-5D9E-B3F7-4543-DE395E5271BE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4" name="Shape">
            <a:extLst>
              <a:ext uri="{FF2B5EF4-FFF2-40B4-BE49-F238E27FC236}">
                <a16:creationId xmlns:a16="http://schemas.microsoft.com/office/drawing/2014/main" id="{FB1F6A59-ED5A-50A6-F309-FFA4DD79427A}"/>
              </a:ext>
            </a:extLst>
          </p:cNvPr>
          <p:cNvSpPr/>
          <p:nvPr userDrawn="1"/>
        </p:nvSpPr>
        <p:spPr>
          <a:xfrm>
            <a:off x="0" y="-29766"/>
            <a:ext cx="6102350" cy="314404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19105"/>
                </a:lnTo>
                <a:lnTo>
                  <a:pt x="9515" y="19105"/>
                </a:lnTo>
                <a:cubicBezTo>
                  <a:pt x="9870" y="19105"/>
                  <a:pt x="10191" y="19384"/>
                  <a:pt x="10424" y="19836"/>
                </a:cubicBezTo>
                <a:cubicBezTo>
                  <a:pt x="10656" y="20287"/>
                  <a:pt x="10800" y="20911"/>
                  <a:pt x="10800" y="21600"/>
                </a:cubicBezTo>
                <a:cubicBezTo>
                  <a:pt x="10800" y="20911"/>
                  <a:pt x="10944" y="20287"/>
                  <a:pt x="11176" y="19836"/>
                </a:cubicBezTo>
                <a:cubicBezTo>
                  <a:pt x="11409" y="19384"/>
                  <a:pt x="11732" y="19105"/>
                  <a:pt x="12087" y="19105"/>
                </a:cubicBezTo>
                <a:lnTo>
                  <a:pt x="21600" y="19105"/>
                </a:lnTo>
                <a:lnTo>
                  <a:pt x="21600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hueOff val="-342857"/>
              <a:satOff val="-34375"/>
              <a:lumOff val="34901"/>
            </a:schemeClr>
          </a:solidFill>
          <a:ln>
            <a:noFill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5" name="Rectangle">
            <a:extLst>
              <a:ext uri="{FF2B5EF4-FFF2-40B4-BE49-F238E27FC236}">
                <a16:creationId xmlns:a16="http://schemas.microsoft.com/office/drawing/2014/main" id="{23EA18F6-059B-2C63-1649-7E484ECFE407}"/>
              </a:ext>
            </a:extLst>
          </p:cNvPr>
          <p:cNvSpPr/>
          <p:nvPr userDrawn="1"/>
        </p:nvSpPr>
        <p:spPr>
          <a:xfrm>
            <a:off x="6101397" y="-35213"/>
            <a:ext cx="6089816" cy="6917632"/>
          </a:xfrm>
          <a:prstGeom prst="rect">
            <a:avLst/>
          </a:pr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11" name="Shape">
            <a:extLst>
              <a:ext uri="{FF2B5EF4-FFF2-40B4-BE49-F238E27FC236}">
                <a16:creationId xmlns:a16="http://schemas.microsoft.com/office/drawing/2014/main" id="{222CB644-E1A5-B160-0D44-9C94AE97500D}"/>
              </a:ext>
            </a:extLst>
          </p:cNvPr>
          <p:cNvSpPr/>
          <p:nvPr userDrawn="1"/>
        </p:nvSpPr>
        <p:spPr>
          <a:xfrm>
            <a:off x="6099358" y="4384142"/>
            <a:ext cx="363351" cy="72670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10800"/>
                </a:moveTo>
                <a:cubicBezTo>
                  <a:pt x="15636" y="10800"/>
                  <a:pt x="10234" y="12008"/>
                  <a:pt x="6328" y="13964"/>
                </a:cubicBezTo>
                <a:cubicBezTo>
                  <a:pt x="2416" y="15917"/>
                  <a:pt x="0" y="18618"/>
                  <a:pt x="0" y="21600"/>
                </a:cubicBezTo>
                <a:lnTo>
                  <a:pt x="0" y="0"/>
                </a:lnTo>
                <a:cubicBezTo>
                  <a:pt x="0" y="2982"/>
                  <a:pt x="2416" y="5683"/>
                  <a:pt x="6328" y="7636"/>
                </a:cubicBezTo>
                <a:cubicBezTo>
                  <a:pt x="10234" y="9592"/>
                  <a:pt x="15636" y="10800"/>
                  <a:pt x="21600" y="10800"/>
                </a:cubicBezTo>
                <a:close/>
              </a:path>
            </a:pathLst>
          </a:cu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3" name="Shape">
            <a:extLst>
              <a:ext uri="{FF2B5EF4-FFF2-40B4-BE49-F238E27FC236}">
                <a16:creationId xmlns:a16="http://schemas.microsoft.com/office/drawing/2014/main" id="{E2B846D0-3C7B-5840-D81B-012EF61FC681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9E3F45C6-3AD6-074D-BD99-C2168584F13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4035" y="553357"/>
            <a:ext cx="4991100" cy="1393825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4400" b="1" i="0"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wo line headline here</a:t>
            </a:r>
          </a:p>
        </p:txBody>
      </p:sp>
      <p:sp>
        <p:nvSpPr>
          <p:cNvPr id="10" name="Text Placeholder 36">
            <a:extLst>
              <a:ext uri="{FF2B5EF4-FFF2-40B4-BE49-F238E27FC236}">
                <a16:creationId xmlns:a16="http://schemas.microsoft.com/office/drawing/2014/main" id="{3AF11768-C8CF-8A41-9657-30CFDC5D13A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0858" y="3607841"/>
            <a:ext cx="4991100" cy="2872566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2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5313E42A-DF03-134D-8AEB-1C84E38CDC7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71500" y="3124178"/>
            <a:ext cx="4991100" cy="392112"/>
          </a:xfrm>
        </p:spPr>
        <p:txBody>
          <a:bodyPr>
            <a:noAutofit/>
          </a:bodyPr>
          <a:lstStyle>
            <a:lvl1pPr>
              <a:defRPr sz="2400"/>
            </a:lvl1pPr>
          </a:lstStyle>
          <a:p>
            <a:pPr lvl="0"/>
            <a:r>
              <a:rPr lang="en-US" dirty="0"/>
              <a:t>Insert subhead or data caption</a:t>
            </a:r>
          </a:p>
        </p:txBody>
      </p:sp>
    </p:spTree>
    <p:extLst>
      <p:ext uri="{BB962C8B-B14F-4D97-AF65-F5344CB8AC3E}">
        <p14:creationId xmlns:p14="http://schemas.microsoft.com/office/powerpoint/2010/main" val="2518702777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0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hape">
            <a:extLst>
              <a:ext uri="{FF2B5EF4-FFF2-40B4-BE49-F238E27FC236}">
                <a16:creationId xmlns:a16="http://schemas.microsoft.com/office/drawing/2014/main" id="{AEDF6076-0D87-3172-32C6-58E5789168D1}"/>
              </a:ext>
            </a:extLst>
          </p:cNvPr>
          <p:cNvSpPr/>
          <p:nvPr userDrawn="1"/>
        </p:nvSpPr>
        <p:spPr>
          <a:xfrm>
            <a:off x="-15020" y="-17643"/>
            <a:ext cx="7210363" cy="6886599"/>
          </a:xfrm>
          <a:custGeom>
            <a:avLst/>
            <a:gdLst>
              <a:gd name="connsiteX0" fmla="*/ 0 w 21600"/>
              <a:gd name="connsiteY0" fmla="*/ 23 h 21623"/>
              <a:gd name="connsiteX1" fmla="*/ 0 w 21600"/>
              <a:gd name="connsiteY1" fmla="*/ 21623 h 21623"/>
              <a:gd name="connsiteX2" fmla="*/ 8085 w 21600"/>
              <a:gd name="connsiteY2" fmla="*/ 21623 h 21623"/>
              <a:gd name="connsiteX3" fmla="*/ 8085 w 21600"/>
              <a:gd name="connsiteY3" fmla="*/ 21591 h 21623"/>
              <a:gd name="connsiteX4" fmla="*/ 18450 w 21600"/>
              <a:gd name="connsiteY4" fmla="*/ 21591 h 21623"/>
              <a:gd name="connsiteX5" fmla="*/ 18450 w 21600"/>
              <a:gd name="connsiteY5" fmla="*/ 14030 h 21623"/>
              <a:gd name="connsiteX6" fmla="*/ 19370 w 21600"/>
              <a:gd name="connsiteY6" fmla="*/ 11790 h 21623"/>
              <a:gd name="connsiteX7" fmla="*/ 21600 w 21600"/>
              <a:gd name="connsiteY7" fmla="*/ 10823 h 21623"/>
              <a:gd name="connsiteX8" fmla="*/ 19370 w 21600"/>
              <a:gd name="connsiteY8" fmla="*/ 9856 h 21623"/>
              <a:gd name="connsiteX9" fmla="*/ 18450 w 21600"/>
              <a:gd name="connsiteY9" fmla="*/ 7616 h 21623"/>
              <a:gd name="connsiteX10" fmla="*/ 18424 w 21600"/>
              <a:gd name="connsiteY10" fmla="*/ 0 h 21623"/>
              <a:gd name="connsiteX11" fmla="*/ 8085 w 21600"/>
              <a:gd name="connsiteY11" fmla="*/ 55 h 21623"/>
              <a:gd name="connsiteX12" fmla="*/ 8085 w 21600"/>
              <a:gd name="connsiteY12" fmla="*/ 23 h 21623"/>
              <a:gd name="connsiteX13" fmla="*/ 0 w 21600"/>
              <a:gd name="connsiteY13" fmla="*/ 23 h 21623"/>
              <a:gd name="connsiteX0" fmla="*/ 0 w 21600"/>
              <a:gd name="connsiteY0" fmla="*/ 23 h 21623"/>
              <a:gd name="connsiteX1" fmla="*/ 0 w 21600"/>
              <a:gd name="connsiteY1" fmla="*/ 21623 h 21623"/>
              <a:gd name="connsiteX2" fmla="*/ 8085 w 21600"/>
              <a:gd name="connsiteY2" fmla="*/ 21623 h 21623"/>
              <a:gd name="connsiteX3" fmla="*/ 8085 w 21600"/>
              <a:gd name="connsiteY3" fmla="*/ 21591 h 21623"/>
              <a:gd name="connsiteX4" fmla="*/ 18450 w 21600"/>
              <a:gd name="connsiteY4" fmla="*/ 21591 h 21623"/>
              <a:gd name="connsiteX5" fmla="*/ 18450 w 21600"/>
              <a:gd name="connsiteY5" fmla="*/ 14030 h 21623"/>
              <a:gd name="connsiteX6" fmla="*/ 19370 w 21600"/>
              <a:gd name="connsiteY6" fmla="*/ 11790 h 21623"/>
              <a:gd name="connsiteX7" fmla="*/ 21600 w 21600"/>
              <a:gd name="connsiteY7" fmla="*/ 10823 h 21623"/>
              <a:gd name="connsiteX8" fmla="*/ 19370 w 21600"/>
              <a:gd name="connsiteY8" fmla="*/ 9856 h 21623"/>
              <a:gd name="connsiteX9" fmla="*/ 18450 w 21600"/>
              <a:gd name="connsiteY9" fmla="*/ 7616 h 21623"/>
              <a:gd name="connsiteX10" fmla="*/ 18424 w 21600"/>
              <a:gd name="connsiteY10" fmla="*/ 0 h 21623"/>
              <a:gd name="connsiteX11" fmla="*/ 8085 w 21600"/>
              <a:gd name="connsiteY11" fmla="*/ 55 h 21623"/>
              <a:gd name="connsiteX12" fmla="*/ 2522 w 21600"/>
              <a:gd name="connsiteY12" fmla="*/ 23 h 21623"/>
              <a:gd name="connsiteX13" fmla="*/ 0 w 21600"/>
              <a:gd name="connsiteY13" fmla="*/ 23 h 21623"/>
              <a:gd name="connsiteX0" fmla="*/ 0 w 21600"/>
              <a:gd name="connsiteY0" fmla="*/ 23 h 21623"/>
              <a:gd name="connsiteX1" fmla="*/ 0 w 21600"/>
              <a:gd name="connsiteY1" fmla="*/ 21623 h 21623"/>
              <a:gd name="connsiteX2" fmla="*/ 8085 w 21600"/>
              <a:gd name="connsiteY2" fmla="*/ 21623 h 21623"/>
              <a:gd name="connsiteX3" fmla="*/ 8085 w 21600"/>
              <a:gd name="connsiteY3" fmla="*/ 21591 h 21623"/>
              <a:gd name="connsiteX4" fmla="*/ 18450 w 21600"/>
              <a:gd name="connsiteY4" fmla="*/ 21591 h 21623"/>
              <a:gd name="connsiteX5" fmla="*/ 18450 w 21600"/>
              <a:gd name="connsiteY5" fmla="*/ 14030 h 21623"/>
              <a:gd name="connsiteX6" fmla="*/ 19370 w 21600"/>
              <a:gd name="connsiteY6" fmla="*/ 11790 h 21623"/>
              <a:gd name="connsiteX7" fmla="*/ 21600 w 21600"/>
              <a:gd name="connsiteY7" fmla="*/ 10823 h 21623"/>
              <a:gd name="connsiteX8" fmla="*/ 19370 w 21600"/>
              <a:gd name="connsiteY8" fmla="*/ 9856 h 21623"/>
              <a:gd name="connsiteX9" fmla="*/ 18450 w 21600"/>
              <a:gd name="connsiteY9" fmla="*/ 7616 h 21623"/>
              <a:gd name="connsiteX10" fmla="*/ 18424 w 21600"/>
              <a:gd name="connsiteY10" fmla="*/ 0 h 21623"/>
              <a:gd name="connsiteX11" fmla="*/ 8137 w 21600"/>
              <a:gd name="connsiteY11" fmla="*/ 55 h 21623"/>
              <a:gd name="connsiteX12" fmla="*/ 2522 w 21600"/>
              <a:gd name="connsiteY12" fmla="*/ 23 h 21623"/>
              <a:gd name="connsiteX13" fmla="*/ 0 w 21600"/>
              <a:gd name="connsiteY13" fmla="*/ 23 h 21623"/>
              <a:gd name="connsiteX0" fmla="*/ 0 w 21600"/>
              <a:gd name="connsiteY0" fmla="*/ 23 h 21623"/>
              <a:gd name="connsiteX1" fmla="*/ 0 w 21600"/>
              <a:gd name="connsiteY1" fmla="*/ 21623 h 21623"/>
              <a:gd name="connsiteX2" fmla="*/ 8085 w 21600"/>
              <a:gd name="connsiteY2" fmla="*/ 21623 h 21623"/>
              <a:gd name="connsiteX3" fmla="*/ 8085 w 21600"/>
              <a:gd name="connsiteY3" fmla="*/ 21591 h 21623"/>
              <a:gd name="connsiteX4" fmla="*/ 18450 w 21600"/>
              <a:gd name="connsiteY4" fmla="*/ 21591 h 21623"/>
              <a:gd name="connsiteX5" fmla="*/ 18450 w 21600"/>
              <a:gd name="connsiteY5" fmla="*/ 14030 h 21623"/>
              <a:gd name="connsiteX6" fmla="*/ 19370 w 21600"/>
              <a:gd name="connsiteY6" fmla="*/ 11790 h 21623"/>
              <a:gd name="connsiteX7" fmla="*/ 21600 w 21600"/>
              <a:gd name="connsiteY7" fmla="*/ 10823 h 21623"/>
              <a:gd name="connsiteX8" fmla="*/ 19370 w 21600"/>
              <a:gd name="connsiteY8" fmla="*/ 9856 h 21623"/>
              <a:gd name="connsiteX9" fmla="*/ 18450 w 21600"/>
              <a:gd name="connsiteY9" fmla="*/ 7616 h 21623"/>
              <a:gd name="connsiteX10" fmla="*/ 18424 w 21600"/>
              <a:gd name="connsiteY10" fmla="*/ 0 h 21623"/>
              <a:gd name="connsiteX11" fmla="*/ 8372 w 21600"/>
              <a:gd name="connsiteY11" fmla="*/ 28 h 21623"/>
              <a:gd name="connsiteX12" fmla="*/ 2522 w 21600"/>
              <a:gd name="connsiteY12" fmla="*/ 23 h 21623"/>
              <a:gd name="connsiteX13" fmla="*/ 0 w 21600"/>
              <a:gd name="connsiteY13" fmla="*/ 23 h 21623"/>
              <a:gd name="connsiteX0" fmla="*/ 0 w 21626"/>
              <a:gd name="connsiteY0" fmla="*/ 23 h 21623"/>
              <a:gd name="connsiteX1" fmla="*/ 26 w 21626"/>
              <a:gd name="connsiteY1" fmla="*/ 21623 h 21623"/>
              <a:gd name="connsiteX2" fmla="*/ 8111 w 21626"/>
              <a:gd name="connsiteY2" fmla="*/ 21623 h 21623"/>
              <a:gd name="connsiteX3" fmla="*/ 8111 w 21626"/>
              <a:gd name="connsiteY3" fmla="*/ 21591 h 21623"/>
              <a:gd name="connsiteX4" fmla="*/ 18476 w 21626"/>
              <a:gd name="connsiteY4" fmla="*/ 21591 h 21623"/>
              <a:gd name="connsiteX5" fmla="*/ 18476 w 21626"/>
              <a:gd name="connsiteY5" fmla="*/ 14030 h 21623"/>
              <a:gd name="connsiteX6" fmla="*/ 19396 w 21626"/>
              <a:gd name="connsiteY6" fmla="*/ 11790 h 21623"/>
              <a:gd name="connsiteX7" fmla="*/ 21626 w 21626"/>
              <a:gd name="connsiteY7" fmla="*/ 10823 h 21623"/>
              <a:gd name="connsiteX8" fmla="*/ 19396 w 21626"/>
              <a:gd name="connsiteY8" fmla="*/ 9856 h 21623"/>
              <a:gd name="connsiteX9" fmla="*/ 18476 w 21626"/>
              <a:gd name="connsiteY9" fmla="*/ 7616 h 21623"/>
              <a:gd name="connsiteX10" fmla="*/ 18450 w 21626"/>
              <a:gd name="connsiteY10" fmla="*/ 0 h 21623"/>
              <a:gd name="connsiteX11" fmla="*/ 8398 w 21626"/>
              <a:gd name="connsiteY11" fmla="*/ 28 h 21623"/>
              <a:gd name="connsiteX12" fmla="*/ 2548 w 21626"/>
              <a:gd name="connsiteY12" fmla="*/ 23 h 21623"/>
              <a:gd name="connsiteX13" fmla="*/ 0 w 21626"/>
              <a:gd name="connsiteY13" fmla="*/ 23 h 21623"/>
              <a:gd name="connsiteX0" fmla="*/ 0 w 21626"/>
              <a:gd name="connsiteY0" fmla="*/ 23 h 21625"/>
              <a:gd name="connsiteX1" fmla="*/ 26 w 21626"/>
              <a:gd name="connsiteY1" fmla="*/ 21623 h 21625"/>
              <a:gd name="connsiteX2" fmla="*/ 8111 w 21626"/>
              <a:gd name="connsiteY2" fmla="*/ 21623 h 21625"/>
              <a:gd name="connsiteX3" fmla="*/ 8884 w 21626"/>
              <a:gd name="connsiteY3" fmla="*/ 21625 h 21625"/>
              <a:gd name="connsiteX4" fmla="*/ 18476 w 21626"/>
              <a:gd name="connsiteY4" fmla="*/ 21591 h 21625"/>
              <a:gd name="connsiteX5" fmla="*/ 18476 w 21626"/>
              <a:gd name="connsiteY5" fmla="*/ 14030 h 21625"/>
              <a:gd name="connsiteX6" fmla="*/ 19396 w 21626"/>
              <a:gd name="connsiteY6" fmla="*/ 11790 h 21625"/>
              <a:gd name="connsiteX7" fmla="*/ 21626 w 21626"/>
              <a:gd name="connsiteY7" fmla="*/ 10823 h 21625"/>
              <a:gd name="connsiteX8" fmla="*/ 19396 w 21626"/>
              <a:gd name="connsiteY8" fmla="*/ 9856 h 21625"/>
              <a:gd name="connsiteX9" fmla="*/ 18476 w 21626"/>
              <a:gd name="connsiteY9" fmla="*/ 7616 h 21625"/>
              <a:gd name="connsiteX10" fmla="*/ 18450 w 21626"/>
              <a:gd name="connsiteY10" fmla="*/ 0 h 21625"/>
              <a:gd name="connsiteX11" fmla="*/ 8398 w 21626"/>
              <a:gd name="connsiteY11" fmla="*/ 28 h 21625"/>
              <a:gd name="connsiteX12" fmla="*/ 2548 w 21626"/>
              <a:gd name="connsiteY12" fmla="*/ 23 h 21625"/>
              <a:gd name="connsiteX13" fmla="*/ 0 w 21626"/>
              <a:gd name="connsiteY13" fmla="*/ 23 h 21625"/>
              <a:gd name="connsiteX0" fmla="*/ 0 w 21626"/>
              <a:gd name="connsiteY0" fmla="*/ 23 h 21625"/>
              <a:gd name="connsiteX1" fmla="*/ 26 w 21626"/>
              <a:gd name="connsiteY1" fmla="*/ 21623 h 21625"/>
              <a:gd name="connsiteX2" fmla="*/ 8111 w 21626"/>
              <a:gd name="connsiteY2" fmla="*/ 21623 h 21625"/>
              <a:gd name="connsiteX3" fmla="*/ 8884 w 21626"/>
              <a:gd name="connsiteY3" fmla="*/ 21625 h 21625"/>
              <a:gd name="connsiteX4" fmla="*/ 18476 w 21626"/>
              <a:gd name="connsiteY4" fmla="*/ 21614 h 21625"/>
              <a:gd name="connsiteX5" fmla="*/ 18476 w 21626"/>
              <a:gd name="connsiteY5" fmla="*/ 14030 h 21625"/>
              <a:gd name="connsiteX6" fmla="*/ 19396 w 21626"/>
              <a:gd name="connsiteY6" fmla="*/ 11790 h 21625"/>
              <a:gd name="connsiteX7" fmla="*/ 21626 w 21626"/>
              <a:gd name="connsiteY7" fmla="*/ 10823 h 21625"/>
              <a:gd name="connsiteX8" fmla="*/ 19396 w 21626"/>
              <a:gd name="connsiteY8" fmla="*/ 9856 h 21625"/>
              <a:gd name="connsiteX9" fmla="*/ 18476 w 21626"/>
              <a:gd name="connsiteY9" fmla="*/ 7616 h 21625"/>
              <a:gd name="connsiteX10" fmla="*/ 18450 w 21626"/>
              <a:gd name="connsiteY10" fmla="*/ 0 h 21625"/>
              <a:gd name="connsiteX11" fmla="*/ 8398 w 21626"/>
              <a:gd name="connsiteY11" fmla="*/ 28 h 21625"/>
              <a:gd name="connsiteX12" fmla="*/ 2548 w 21626"/>
              <a:gd name="connsiteY12" fmla="*/ 23 h 21625"/>
              <a:gd name="connsiteX13" fmla="*/ 0 w 21626"/>
              <a:gd name="connsiteY13" fmla="*/ 23 h 216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21626" h="21625" extrusionOk="0">
                <a:moveTo>
                  <a:pt x="0" y="23"/>
                </a:moveTo>
                <a:cubicBezTo>
                  <a:pt x="9" y="7223"/>
                  <a:pt x="17" y="14423"/>
                  <a:pt x="26" y="21623"/>
                </a:cubicBezTo>
                <a:lnTo>
                  <a:pt x="8111" y="21623"/>
                </a:lnTo>
                <a:lnTo>
                  <a:pt x="8884" y="21625"/>
                </a:lnTo>
                <a:lnTo>
                  <a:pt x="18476" y="21614"/>
                </a:lnTo>
                <a:lnTo>
                  <a:pt x="18476" y="14030"/>
                </a:lnTo>
                <a:cubicBezTo>
                  <a:pt x="18500" y="13156"/>
                  <a:pt x="18845" y="12366"/>
                  <a:pt x="19396" y="11790"/>
                </a:cubicBezTo>
                <a:cubicBezTo>
                  <a:pt x="19967" y="11192"/>
                  <a:pt x="20755" y="10823"/>
                  <a:pt x="21626" y="10823"/>
                </a:cubicBezTo>
                <a:cubicBezTo>
                  <a:pt x="20755" y="10823"/>
                  <a:pt x="19967" y="10454"/>
                  <a:pt x="19396" y="9856"/>
                </a:cubicBezTo>
                <a:cubicBezTo>
                  <a:pt x="18845" y="9280"/>
                  <a:pt x="18500" y="8490"/>
                  <a:pt x="18476" y="7616"/>
                </a:cubicBezTo>
                <a:cubicBezTo>
                  <a:pt x="18467" y="5077"/>
                  <a:pt x="18459" y="2539"/>
                  <a:pt x="18450" y="0"/>
                </a:cubicBezTo>
                <a:lnTo>
                  <a:pt x="8398" y="28"/>
                </a:lnTo>
                <a:lnTo>
                  <a:pt x="2548" y="23"/>
                </a:lnTo>
                <a:lnTo>
                  <a:pt x="0" y="23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5" name="Shape">
            <a:extLst>
              <a:ext uri="{FF2B5EF4-FFF2-40B4-BE49-F238E27FC236}">
                <a16:creationId xmlns:a16="http://schemas.microsoft.com/office/drawing/2014/main" id="{DE84368C-3E55-9C37-47A5-A3E87E7AF237}"/>
              </a:ext>
            </a:extLst>
          </p:cNvPr>
          <p:cNvSpPr/>
          <p:nvPr userDrawn="1"/>
        </p:nvSpPr>
        <p:spPr>
          <a:xfrm rot="16200000" flipH="1">
            <a:off x="0" y="5100204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7" name="Shape">
            <a:extLst>
              <a:ext uri="{FF2B5EF4-FFF2-40B4-BE49-F238E27FC236}">
                <a16:creationId xmlns:a16="http://schemas.microsoft.com/office/drawing/2014/main" id="{33826821-7DDD-F6AA-B98D-2F3418A646D5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465B3D-A553-334E-A760-63FE8B9B834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34035" y="553357"/>
            <a:ext cx="4991100" cy="1393825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defRPr sz="4400" b="1" i="0">
                <a:solidFill>
                  <a:schemeClr val="bg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wo line headline here</a:t>
            </a:r>
          </a:p>
        </p:txBody>
      </p:sp>
      <p:sp>
        <p:nvSpPr>
          <p:cNvPr id="8" name="Text Placeholder 36">
            <a:extLst>
              <a:ext uri="{FF2B5EF4-FFF2-40B4-BE49-F238E27FC236}">
                <a16:creationId xmlns:a16="http://schemas.microsoft.com/office/drawing/2014/main" id="{7FC0F240-C40E-9347-A8CF-0AFA7C717C6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70858" y="2904173"/>
            <a:ext cx="4991100" cy="3121978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2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77B58C26-022D-344E-88BA-C6C54430F45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71500" y="2224088"/>
            <a:ext cx="4991100" cy="392112"/>
          </a:xfrm>
        </p:spPr>
        <p:txBody>
          <a:bodyPr>
            <a:noAutofit/>
          </a:bodyPr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Insert subhead here</a:t>
            </a:r>
          </a:p>
        </p:txBody>
      </p:sp>
    </p:spTree>
    <p:extLst>
      <p:ext uri="{BB962C8B-B14F-4D97-AF65-F5344CB8AC3E}">
        <p14:creationId xmlns:p14="http://schemas.microsoft.com/office/powerpoint/2010/main" val="405480771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1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hape">
            <a:extLst>
              <a:ext uri="{FF2B5EF4-FFF2-40B4-BE49-F238E27FC236}">
                <a16:creationId xmlns:a16="http://schemas.microsoft.com/office/drawing/2014/main" id="{3350D946-5913-50CC-E234-10D584A7D9E3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9" name="Shape">
            <a:extLst>
              <a:ext uri="{FF2B5EF4-FFF2-40B4-BE49-F238E27FC236}">
                <a16:creationId xmlns:a16="http://schemas.microsoft.com/office/drawing/2014/main" id="{CBE7E7DC-E175-0108-1BAC-B8B126B277FD}"/>
              </a:ext>
            </a:extLst>
          </p:cNvPr>
          <p:cNvSpPr/>
          <p:nvPr/>
        </p:nvSpPr>
        <p:spPr>
          <a:xfrm rot="16200000" flipH="1">
            <a:off x="-1" y="5100445"/>
            <a:ext cx="1768116" cy="1768116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 cap="flat">
            <a:noFill/>
            <a:miter lim="400000"/>
          </a:ln>
          <a:effectLst/>
        </p:spPr>
        <p:txBody>
          <a:bodyPr wrap="square" lIns="38100" tIns="38100" rIns="38100" bIns="38100" numCol="1" anchor="ctr">
            <a:noAutofit/>
          </a:bodyPr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AA737078-C7DD-9E41-85CF-34D1149C7781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68446" y="0"/>
            <a:ext cx="5726605" cy="1959429"/>
          </a:xfrm>
        </p:spPr>
        <p:txBody>
          <a:bodyPr anchor="ctr">
            <a:noAutofit/>
          </a:bodyPr>
          <a:lstStyle>
            <a:lvl1pPr>
              <a:defRPr sz="4400" b="1" i="0">
                <a:solidFill>
                  <a:schemeClr val="bg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headline here</a:t>
            </a:r>
          </a:p>
        </p:txBody>
      </p:sp>
      <p:sp>
        <p:nvSpPr>
          <p:cNvPr id="5" name="Shape">
            <a:extLst>
              <a:ext uri="{FF2B5EF4-FFF2-40B4-BE49-F238E27FC236}">
                <a16:creationId xmlns:a16="http://schemas.microsoft.com/office/drawing/2014/main" id="{6C7C28C3-D996-EE44-E0EF-C804316C705E}"/>
              </a:ext>
            </a:extLst>
          </p:cNvPr>
          <p:cNvSpPr/>
          <p:nvPr userDrawn="1"/>
        </p:nvSpPr>
        <p:spPr>
          <a:xfrm>
            <a:off x="-12595" y="603649"/>
            <a:ext cx="238761" cy="756922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13672" y="21600"/>
                </a:lnTo>
                <a:lnTo>
                  <a:pt x="21600" y="10800"/>
                </a:lnTo>
                <a:lnTo>
                  <a:pt x="13672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1" name="Triangle">
            <a:extLst>
              <a:ext uri="{FF2B5EF4-FFF2-40B4-BE49-F238E27FC236}">
                <a16:creationId xmlns:a16="http://schemas.microsoft.com/office/drawing/2014/main" id="{027E742B-054B-AD4B-B289-53C5AA52EE02}"/>
              </a:ext>
            </a:extLst>
          </p:cNvPr>
          <p:cNvSpPr/>
          <p:nvPr userDrawn="1"/>
        </p:nvSpPr>
        <p:spPr>
          <a:xfrm rot="10800000">
            <a:off x="9148955" y="-3714"/>
            <a:ext cx="1524912" cy="152491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33" name="Triangle">
            <a:extLst>
              <a:ext uri="{FF2B5EF4-FFF2-40B4-BE49-F238E27FC236}">
                <a16:creationId xmlns:a16="http://schemas.microsoft.com/office/drawing/2014/main" id="{41ECC67E-D07F-0A4B-A238-5FE3D9D3A4A7}"/>
              </a:ext>
            </a:extLst>
          </p:cNvPr>
          <p:cNvSpPr/>
          <p:nvPr userDrawn="1"/>
        </p:nvSpPr>
        <p:spPr>
          <a:xfrm rot="16200000">
            <a:off x="10676827" y="-7077"/>
            <a:ext cx="1524911" cy="1524910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accent1">
              <a:hueOff val="-342857"/>
              <a:satOff val="-34375"/>
              <a:lumOff val="34901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pic>
        <p:nvPicPr>
          <p:cNvPr id="35" name="Graphic 34">
            <a:extLst>
              <a:ext uri="{FF2B5EF4-FFF2-40B4-BE49-F238E27FC236}">
                <a16:creationId xmlns:a16="http://schemas.microsoft.com/office/drawing/2014/main" id="{6DEDBF2A-E2DA-6D4A-9830-B3C61FC5181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rot="5400000">
            <a:off x="7627166" y="2788"/>
            <a:ext cx="1521369" cy="15213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5202784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2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" name="Shape">
            <a:extLst>
              <a:ext uri="{FF2B5EF4-FFF2-40B4-BE49-F238E27FC236}">
                <a16:creationId xmlns:a16="http://schemas.microsoft.com/office/drawing/2014/main" id="{1C359B5A-EF0B-278D-F12F-7E55B3DE1B73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49" name="Shape">
            <a:extLst>
              <a:ext uri="{FF2B5EF4-FFF2-40B4-BE49-F238E27FC236}">
                <a16:creationId xmlns:a16="http://schemas.microsoft.com/office/drawing/2014/main" id="{F72FA049-78BB-A646-8A85-75AFAAEDA83F}"/>
              </a:ext>
            </a:extLst>
          </p:cNvPr>
          <p:cNvSpPr/>
          <p:nvPr userDrawn="1"/>
        </p:nvSpPr>
        <p:spPr>
          <a:xfrm>
            <a:off x="-7750" y="603649"/>
            <a:ext cx="238761" cy="756922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13672" y="21600"/>
                </a:lnTo>
                <a:lnTo>
                  <a:pt x="21600" y="10800"/>
                </a:lnTo>
                <a:lnTo>
                  <a:pt x="13672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52" name="Shape">
            <a:extLst>
              <a:ext uri="{FF2B5EF4-FFF2-40B4-BE49-F238E27FC236}">
                <a16:creationId xmlns:a16="http://schemas.microsoft.com/office/drawing/2014/main" id="{AD594994-2DA4-7942-9068-168518F7AF76}"/>
              </a:ext>
            </a:extLst>
          </p:cNvPr>
          <p:cNvSpPr/>
          <p:nvPr userDrawn="1"/>
        </p:nvSpPr>
        <p:spPr>
          <a:xfrm rot="16200000" flipH="1">
            <a:off x="-1" y="5100445"/>
            <a:ext cx="1768116" cy="1768116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 cap="flat">
            <a:noFill/>
            <a:miter lim="400000"/>
          </a:ln>
          <a:effectLst/>
        </p:spPr>
        <p:txBody>
          <a:bodyPr wrap="square" lIns="38100" tIns="38100" rIns="38100" bIns="38100" numCol="1" anchor="ctr">
            <a:noAutofit/>
          </a:bodyPr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71" name="Text Placeholder 2">
            <a:extLst>
              <a:ext uri="{FF2B5EF4-FFF2-40B4-BE49-F238E27FC236}">
                <a16:creationId xmlns:a16="http://schemas.microsoft.com/office/drawing/2014/main" id="{7430A885-A364-DC45-B30F-C68FE87A7771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68446" y="0"/>
            <a:ext cx="5726605" cy="1954697"/>
          </a:xfrm>
        </p:spPr>
        <p:txBody>
          <a:bodyPr anchor="ctr">
            <a:noAutofit/>
          </a:bodyPr>
          <a:lstStyle>
            <a:lvl1pPr>
              <a:defRPr sz="4400" b="1" i="0">
                <a:solidFill>
                  <a:schemeClr val="bg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headline here</a:t>
            </a:r>
          </a:p>
        </p:txBody>
      </p:sp>
      <p:sp>
        <p:nvSpPr>
          <p:cNvPr id="26" name="Triangle">
            <a:extLst>
              <a:ext uri="{FF2B5EF4-FFF2-40B4-BE49-F238E27FC236}">
                <a16:creationId xmlns:a16="http://schemas.microsoft.com/office/drawing/2014/main" id="{37E5F838-7DEC-7E43-BBD9-077EBFD2E5EE}"/>
              </a:ext>
            </a:extLst>
          </p:cNvPr>
          <p:cNvSpPr/>
          <p:nvPr userDrawn="1"/>
        </p:nvSpPr>
        <p:spPr>
          <a:xfrm rot="5400000">
            <a:off x="9148955" y="-8939"/>
            <a:ext cx="1524912" cy="152491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7" name="Triangle">
            <a:extLst>
              <a:ext uri="{FF2B5EF4-FFF2-40B4-BE49-F238E27FC236}">
                <a16:creationId xmlns:a16="http://schemas.microsoft.com/office/drawing/2014/main" id="{CB8CE929-BF64-2A47-A7E2-5DC0A212F7B6}"/>
              </a:ext>
            </a:extLst>
          </p:cNvPr>
          <p:cNvSpPr/>
          <p:nvPr userDrawn="1"/>
        </p:nvSpPr>
        <p:spPr>
          <a:xfrm>
            <a:off x="10673866" y="-10449"/>
            <a:ext cx="1524911" cy="1524910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accent1">
              <a:hueOff val="-342857"/>
              <a:satOff val="-34375"/>
              <a:lumOff val="34901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31" name="Triangle">
            <a:extLst>
              <a:ext uri="{FF2B5EF4-FFF2-40B4-BE49-F238E27FC236}">
                <a16:creationId xmlns:a16="http://schemas.microsoft.com/office/drawing/2014/main" id="{8F2AC31D-1368-6E4A-B7E1-0AC5811869DE}"/>
              </a:ext>
            </a:extLst>
          </p:cNvPr>
          <p:cNvSpPr/>
          <p:nvPr userDrawn="1"/>
        </p:nvSpPr>
        <p:spPr>
          <a:xfrm rot="5400000">
            <a:off x="7630567" y="-7077"/>
            <a:ext cx="1524911" cy="1524910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bg1"/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32" name="Triangle">
            <a:extLst>
              <a:ext uri="{FF2B5EF4-FFF2-40B4-BE49-F238E27FC236}">
                <a16:creationId xmlns:a16="http://schemas.microsoft.com/office/drawing/2014/main" id="{2572C89C-DB95-C941-A885-34DCF9465E9A}"/>
              </a:ext>
            </a:extLst>
          </p:cNvPr>
          <p:cNvSpPr/>
          <p:nvPr userDrawn="1"/>
        </p:nvSpPr>
        <p:spPr>
          <a:xfrm>
            <a:off x="6105657" y="2"/>
            <a:ext cx="1524911" cy="1524910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accent1">
              <a:hueOff val="-342857"/>
              <a:satOff val="-34375"/>
              <a:lumOff val="34901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1631326960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3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7" name="Shape">
            <a:extLst>
              <a:ext uri="{FF2B5EF4-FFF2-40B4-BE49-F238E27FC236}">
                <a16:creationId xmlns:a16="http://schemas.microsoft.com/office/drawing/2014/main" id="{8599027B-9CA6-04B4-B954-4167D6DF4357}"/>
              </a:ext>
            </a:extLst>
          </p:cNvPr>
          <p:cNvSpPr/>
          <p:nvPr userDrawn="1"/>
        </p:nvSpPr>
        <p:spPr>
          <a:xfrm>
            <a:off x="-3176" y="456548"/>
            <a:ext cx="238761" cy="756922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13672" y="21600"/>
                </a:lnTo>
                <a:lnTo>
                  <a:pt x="21600" y="10800"/>
                </a:lnTo>
                <a:lnTo>
                  <a:pt x="13672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71" name="Shape">
            <a:extLst>
              <a:ext uri="{FF2B5EF4-FFF2-40B4-BE49-F238E27FC236}">
                <a16:creationId xmlns:a16="http://schemas.microsoft.com/office/drawing/2014/main" id="{900C4D93-6FE3-901D-1D44-97726FF189F2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73" name="Shape">
            <a:extLst>
              <a:ext uri="{FF2B5EF4-FFF2-40B4-BE49-F238E27FC236}">
                <a16:creationId xmlns:a16="http://schemas.microsoft.com/office/drawing/2014/main" id="{D00A4F51-B9FB-AAC0-CDEF-65FA0705780A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6" cy="1768116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 cap="flat">
            <a:noFill/>
            <a:miter lim="400000"/>
          </a:ln>
          <a:effectLst/>
        </p:spPr>
        <p:txBody>
          <a:bodyPr wrap="square" lIns="38100" tIns="38100" rIns="38100" bIns="38100" numCol="1" anchor="ctr">
            <a:noAutofit/>
          </a:bodyPr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51" name="Text Placeholder 2">
            <a:extLst>
              <a:ext uri="{FF2B5EF4-FFF2-40B4-BE49-F238E27FC236}">
                <a16:creationId xmlns:a16="http://schemas.microsoft.com/office/drawing/2014/main" id="{AA9240F7-D4A2-5641-8EF1-B3852D9D914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68447" y="0"/>
            <a:ext cx="4782688" cy="1714500"/>
          </a:xfrm>
        </p:spPr>
        <p:txBody>
          <a:bodyPr anchor="ctr">
            <a:noAutofit/>
          </a:bodyPr>
          <a:lstStyle>
            <a:lvl1pPr>
              <a:defRPr sz="3200" b="1" i="0">
                <a:solidFill>
                  <a:schemeClr val="bg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headline here</a:t>
            </a:r>
          </a:p>
        </p:txBody>
      </p:sp>
      <p:sp>
        <p:nvSpPr>
          <p:cNvPr id="38" name="Triangle">
            <a:extLst>
              <a:ext uri="{FF2B5EF4-FFF2-40B4-BE49-F238E27FC236}">
                <a16:creationId xmlns:a16="http://schemas.microsoft.com/office/drawing/2014/main" id="{1C014C48-BF1A-564C-BF6C-A4D690858785}"/>
              </a:ext>
            </a:extLst>
          </p:cNvPr>
          <p:cNvSpPr/>
          <p:nvPr userDrawn="1"/>
        </p:nvSpPr>
        <p:spPr>
          <a:xfrm rot="10800000">
            <a:off x="9148955" y="-3714"/>
            <a:ext cx="1524912" cy="152491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39" name="Triangle">
            <a:extLst>
              <a:ext uri="{FF2B5EF4-FFF2-40B4-BE49-F238E27FC236}">
                <a16:creationId xmlns:a16="http://schemas.microsoft.com/office/drawing/2014/main" id="{A2D35825-AC9E-374B-94D5-AA8EAE2D47E9}"/>
              </a:ext>
            </a:extLst>
          </p:cNvPr>
          <p:cNvSpPr/>
          <p:nvPr userDrawn="1"/>
        </p:nvSpPr>
        <p:spPr>
          <a:xfrm rot="16200000">
            <a:off x="10676827" y="-7077"/>
            <a:ext cx="1524911" cy="1524910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21600"/>
                </a:lnTo>
                <a:lnTo>
                  <a:pt x="21600" y="21600"/>
                </a:lnTo>
                <a:close/>
              </a:path>
            </a:pathLst>
          </a:custGeom>
          <a:solidFill>
            <a:schemeClr val="accent1">
              <a:hueOff val="-342857"/>
              <a:satOff val="-34375"/>
              <a:lumOff val="34901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pic>
        <p:nvPicPr>
          <p:cNvPr id="40" name="Graphic 39">
            <a:extLst>
              <a:ext uri="{FF2B5EF4-FFF2-40B4-BE49-F238E27FC236}">
                <a16:creationId xmlns:a16="http://schemas.microsoft.com/office/drawing/2014/main" id="{7507C909-7ACA-464E-9CB4-BDC45B39A80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rot="5400000">
            <a:off x="7623605" y="0"/>
            <a:ext cx="1525805" cy="1525805"/>
          </a:xfrm>
          <a:prstGeom prst="rect">
            <a:avLst/>
          </a:prstGeom>
        </p:spPr>
      </p:pic>
      <p:pic>
        <p:nvPicPr>
          <p:cNvPr id="41" name="Graphic 40">
            <a:extLst>
              <a:ext uri="{FF2B5EF4-FFF2-40B4-BE49-F238E27FC236}">
                <a16:creationId xmlns:a16="http://schemas.microsoft.com/office/drawing/2014/main" id="{38E0C693-969B-3047-8F24-7AD5DC835510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105879" y="-2"/>
            <a:ext cx="1523824" cy="15238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4096637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4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">
            <a:extLst>
              <a:ext uri="{FF2B5EF4-FFF2-40B4-BE49-F238E27FC236}">
                <a16:creationId xmlns:a16="http://schemas.microsoft.com/office/drawing/2014/main" id="{4C671C2A-BCB5-FFEA-B237-81F8C56C3B6B}"/>
              </a:ext>
            </a:extLst>
          </p:cNvPr>
          <p:cNvGrpSpPr/>
          <p:nvPr userDrawn="1"/>
        </p:nvGrpSpPr>
        <p:grpSpPr>
          <a:xfrm>
            <a:off x="-1" y="3540533"/>
            <a:ext cx="3321610" cy="3317467"/>
            <a:chOff x="0" y="0"/>
            <a:chExt cx="3321608" cy="3317466"/>
          </a:xfrm>
        </p:grpSpPr>
        <p:sp>
          <p:nvSpPr>
            <p:cNvPr id="4" name="Square">
              <a:extLst>
                <a:ext uri="{FF2B5EF4-FFF2-40B4-BE49-F238E27FC236}">
                  <a16:creationId xmlns:a16="http://schemas.microsoft.com/office/drawing/2014/main" id="{3611ABF1-C689-3E51-0B36-2E0770C060F4}"/>
                </a:ext>
              </a:extLst>
            </p:cNvPr>
            <p:cNvSpPr/>
            <p:nvPr/>
          </p:nvSpPr>
          <p:spPr>
            <a:xfrm>
              <a:off x="4139" y="5812"/>
              <a:ext cx="3311656" cy="3311655"/>
            </a:xfrm>
            <a:prstGeom prst="rect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5" name="Line">
              <a:extLst>
                <a:ext uri="{FF2B5EF4-FFF2-40B4-BE49-F238E27FC236}">
                  <a16:creationId xmlns:a16="http://schemas.microsoft.com/office/drawing/2014/main" id="{0D44E852-5763-F8A9-FE62-9F50D5752292}"/>
                </a:ext>
              </a:extLst>
            </p:cNvPr>
            <p:cNvSpPr/>
            <p:nvPr/>
          </p:nvSpPr>
          <p:spPr>
            <a:xfrm flipV="1">
              <a:off x="9953" y="0"/>
              <a:ext cx="3311656" cy="3311654"/>
            </a:xfrm>
            <a:prstGeom prst="line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t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6" name="Line">
              <a:extLst>
                <a:ext uri="{FF2B5EF4-FFF2-40B4-BE49-F238E27FC236}">
                  <a16:creationId xmlns:a16="http://schemas.microsoft.com/office/drawing/2014/main" id="{13A4F4FA-EF99-CF9F-5200-7EB18DF79BB1}"/>
                </a:ext>
              </a:extLst>
            </p:cNvPr>
            <p:cNvSpPr/>
            <p:nvPr/>
          </p:nvSpPr>
          <p:spPr>
            <a:xfrm>
              <a:off x="2928" y="-1"/>
              <a:ext cx="3311655" cy="3311656"/>
            </a:xfrm>
            <a:prstGeom prst="line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t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7" name="Line">
              <a:extLst>
                <a:ext uri="{FF2B5EF4-FFF2-40B4-BE49-F238E27FC236}">
                  <a16:creationId xmlns:a16="http://schemas.microsoft.com/office/drawing/2014/main" id="{ED403680-87CE-B452-E50B-60BDEE20FB24}"/>
                </a:ext>
              </a:extLst>
            </p:cNvPr>
            <p:cNvSpPr/>
            <p:nvPr/>
          </p:nvSpPr>
          <p:spPr>
            <a:xfrm flipH="1" flipV="1">
              <a:off x="1662263" y="7599"/>
              <a:ext cx="1844" cy="3304055"/>
            </a:xfrm>
            <a:prstGeom prst="line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t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8" name="Line">
              <a:extLst>
                <a:ext uri="{FF2B5EF4-FFF2-40B4-BE49-F238E27FC236}">
                  <a16:creationId xmlns:a16="http://schemas.microsoft.com/office/drawing/2014/main" id="{0062EDB7-F466-D06B-1545-4A5832653D2F}"/>
                </a:ext>
              </a:extLst>
            </p:cNvPr>
            <p:cNvSpPr/>
            <p:nvPr/>
          </p:nvSpPr>
          <p:spPr>
            <a:xfrm>
              <a:off x="0" y="1651687"/>
              <a:ext cx="3319934" cy="1"/>
            </a:xfrm>
            <a:prstGeom prst="line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t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9" name="Circle">
              <a:extLst>
                <a:ext uri="{FF2B5EF4-FFF2-40B4-BE49-F238E27FC236}">
                  <a16:creationId xmlns:a16="http://schemas.microsoft.com/office/drawing/2014/main" id="{EA1166E1-D17E-499C-8AF1-8CF872E02A86}"/>
                </a:ext>
              </a:extLst>
            </p:cNvPr>
            <p:cNvSpPr/>
            <p:nvPr/>
          </p:nvSpPr>
          <p:spPr>
            <a:xfrm>
              <a:off x="5299" y="4638"/>
              <a:ext cx="3308906" cy="3308907"/>
            </a:xfrm>
            <a:prstGeom prst="ellipse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</p:grpSp>
      <p:grpSp>
        <p:nvGrpSpPr>
          <p:cNvPr id="10" name="Group">
            <a:extLst>
              <a:ext uri="{FF2B5EF4-FFF2-40B4-BE49-F238E27FC236}">
                <a16:creationId xmlns:a16="http://schemas.microsoft.com/office/drawing/2014/main" id="{CD576E8E-0996-F32A-3930-A33A29DD8FA7}"/>
              </a:ext>
            </a:extLst>
          </p:cNvPr>
          <p:cNvGrpSpPr/>
          <p:nvPr userDrawn="1"/>
        </p:nvGrpSpPr>
        <p:grpSpPr>
          <a:xfrm>
            <a:off x="8870391" y="3540533"/>
            <a:ext cx="3321609" cy="3317467"/>
            <a:chOff x="0" y="0"/>
            <a:chExt cx="3321608" cy="3317466"/>
          </a:xfrm>
        </p:grpSpPr>
        <p:sp>
          <p:nvSpPr>
            <p:cNvPr id="11" name="Square">
              <a:extLst>
                <a:ext uri="{FF2B5EF4-FFF2-40B4-BE49-F238E27FC236}">
                  <a16:creationId xmlns:a16="http://schemas.microsoft.com/office/drawing/2014/main" id="{2AEF4196-4523-C536-9B1F-352874C42B4C}"/>
                </a:ext>
              </a:extLst>
            </p:cNvPr>
            <p:cNvSpPr/>
            <p:nvPr/>
          </p:nvSpPr>
          <p:spPr>
            <a:xfrm>
              <a:off x="4139" y="5812"/>
              <a:ext cx="3311656" cy="3311655"/>
            </a:xfrm>
            <a:prstGeom prst="rect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2" name="Line">
              <a:extLst>
                <a:ext uri="{FF2B5EF4-FFF2-40B4-BE49-F238E27FC236}">
                  <a16:creationId xmlns:a16="http://schemas.microsoft.com/office/drawing/2014/main" id="{E5E8B7BE-C759-F5B1-0057-59903D966E10}"/>
                </a:ext>
              </a:extLst>
            </p:cNvPr>
            <p:cNvSpPr/>
            <p:nvPr/>
          </p:nvSpPr>
          <p:spPr>
            <a:xfrm flipV="1">
              <a:off x="9953" y="0"/>
              <a:ext cx="3311656" cy="3311654"/>
            </a:xfrm>
            <a:prstGeom prst="line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t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3" name="Line">
              <a:extLst>
                <a:ext uri="{FF2B5EF4-FFF2-40B4-BE49-F238E27FC236}">
                  <a16:creationId xmlns:a16="http://schemas.microsoft.com/office/drawing/2014/main" id="{0A25D4F4-689D-8493-F424-0B92185178F1}"/>
                </a:ext>
              </a:extLst>
            </p:cNvPr>
            <p:cNvSpPr/>
            <p:nvPr/>
          </p:nvSpPr>
          <p:spPr>
            <a:xfrm>
              <a:off x="2928" y="-1"/>
              <a:ext cx="3311655" cy="3311656"/>
            </a:xfrm>
            <a:prstGeom prst="line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t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4" name="Line">
              <a:extLst>
                <a:ext uri="{FF2B5EF4-FFF2-40B4-BE49-F238E27FC236}">
                  <a16:creationId xmlns:a16="http://schemas.microsoft.com/office/drawing/2014/main" id="{C6814D0B-E831-8CA0-EA38-EDCCBADC1D5C}"/>
                </a:ext>
              </a:extLst>
            </p:cNvPr>
            <p:cNvSpPr/>
            <p:nvPr/>
          </p:nvSpPr>
          <p:spPr>
            <a:xfrm flipH="1" flipV="1">
              <a:off x="1662263" y="7599"/>
              <a:ext cx="1844" cy="3304055"/>
            </a:xfrm>
            <a:prstGeom prst="line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t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5" name="Line">
              <a:extLst>
                <a:ext uri="{FF2B5EF4-FFF2-40B4-BE49-F238E27FC236}">
                  <a16:creationId xmlns:a16="http://schemas.microsoft.com/office/drawing/2014/main" id="{58372960-65E5-2DCF-A4D0-7B3CF5BE1FA2}"/>
                </a:ext>
              </a:extLst>
            </p:cNvPr>
            <p:cNvSpPr/>
            <p:nvPr/>
          </p:nvSpPr>
          <p:spPr>
            <a:xfrm>
              <a:off x="0" y="1651687"/>
              <a:ext cx="3319934" cy="1"/>
            </a:xfrm>
            <a:prstGeom prst="line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t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  <p:sp>
          <p:nvSpPr>
            <p:cNvPr id="16" name="Circle">
              <a:extLst>
                <a:ext uri="{FF2B5EF4-FFF2-40B4-BE49-F238E27FC236}">
                  <a16:creationId xmlns:a16="http://schemas.microsoft.com/office/drawing/2014/main" id="{212B986F-8664-4E78-A738-05F5A3AE6863}"/>
                </a:ext>
              </a:extLst>
            </p:cNvPr>
            <p:cNvSpPr/>
            <p:nvPr/>
          </p:nvSpPr>
          <p:spPr>
            <a:xfrm>
              <a:off x="5299" y="4638"/>
              <a:ext cx="3308906" cy="3308907"/>
            </a:xfrm>
            <a:prstGeom prst="ellipse">
              <a:avLst/>
            </a:prstGeom>
            <a:noFill/>
            <a:ln w="3175" cap="flat">
              <a:solidFill>
                <a:schemeClr val="accent1">
                  <a:hueOff val="-2700000"/>
                  <a:satOff val="-85714"/>
                  <a:lumOff val="54509"/>
                </a:schemeClr>
              </a:solidFill>
              <a:prstDash val="solid"/>
              <a:round/>
            </a:ln>
            <a:effectLst/>
          </p:spPr>
          <p:txBody>
            <a:bodyPr wrap="square" lIns="45719" tIns="45719" rIns="45719" bIns="45719" numCol="1" anchor="ctr">
              <a:noAutofit/>
            </a:bodyPr>
            <a:lstStyle/>
            <a:p>
              <a:endParaRPr b="0" i="0" dirty="0">
                <a:latin typeface="PolySans Slim" pitchFamily="2" charset="77"/>
              </a:endParaRPr>
            </a:p>
          </p:txBody>
        </p:sp>
      </p:grpSp>
      <p:sp>
        <p:nvSpPr>
          <p:cNvPr id="17" name="Shape">
            <a:extLst>
              <a:ext uri="{FF2B5EF4-FFF2-40B4-BE49-F238E27FC236}">
                <a16:creationId xmlns:a16="http://schemas.microsoft.com/office/drawing/2014/main" id="{BC38D0C6-FA6A-935E-DEAA-DDC63E9B2AA6}"/>
              </a:ext>
            </a:extLst>
          </p:cNvPr>
          <p:cNvSpPr/>
          <p:nvPr userDrawn="1"/>
        </p:nvSpPr>
        <p:spPr>
          <a:xfrm rot="5400000">
            <a:off x="10423886" y="5089886"/>
            <a:ext cx="1768114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chemeClr val="accent1">
                    <a:hueOff val="4599999"/>
                    <a:satOff val="-47058"/>
                    <a:lumOff val="-30000"/>
                  </a:schemeClr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8" name="Shape">
            <a:extLst>
              <a:ext uri="{FF2B5EF4-FFF2-40B4-BE49-F238E27FC236}">
                <a16:creationId xmlns:a16="http://schemas.microsoft.com/office/drawing/2014/main" id="{A9FDC39E-6150-1180-C90B-C873BFCE0C32}"/>
              </a:ext>
            </a:extLst>
          </p:cNvPr>
          <p:cNvSpPr/>
          <p:nvPr userDrawn="1"/>
        </p:nvSpPr>
        <p:spPr>
          <a:xfrm rot="16200000" flipH="1">
            <a:off x="0" y="5089886"/>
            <a:ext cx="1768114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chemeClr val="accent1">
                    <a:hueOff val="4599999"/>
                    <a:satOff val="-47058"/>
                    <a:lumOff val="-30000"/>
                  </a:schemeClr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9" name="Shape">
            <a:extLst>
              <a:ext uri="{FF2B5EF4-FFF2-40B4-BE49-F238E27FC236}">
                <a16:creationId xmlns:a16="http://schemas.microsoft.com/office/drawing/2014/main" id="{255652D8-57EF-18EC-E8B1-1690B0A81CBA}"/>
              </a:ext>
            </a:extLst>
          </p:cNvPr>
          <p:cNvSpPr/>
          <p:nvPr userDrawn="1"/>
        </p:nvSpPr>
        <p:spPr>
          <a:xfrm>
            <a:off x="7025" y="-1"/>
            <a:ext cx="12175023" cy="3911998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19593"/>
                </a:lnTo>
                <a:lnTo>
                  <a:pt x="10165" y="19593"/>
                </a:lnTo>
                <a:cubicBezTo>
                  <a:pt x="10340" y="19593"/>
                  <a:pt x="10500" y="19817"/>
                  <a:pt x="10614" y="20180"/>
                </a:cubicBezTo>
                <a:cubicBezTo>
                  <a:pt x="10729" y="20543"/>
                  <a:pt x="10800" y="21046"/>
                  <a:pt x="10800" y="21600"/>
                </a:cubicBezTo>
                <a:cubicBezTo>
                  <a:pt x="10800" y="21046"/>
                  <a:pt x="10871" y="20543"/>
                  <a:pt x="10986" y="20180"/>
                </a:cubicBezTo>
                <a:cubicBezTo>
                  <a:pt x="11100" y="19817"/>
                  <a:pt x="11260" y="19593"/>
                  <a:pt x="11435" y="19593"/>
                </a:cubicBezTo>
                <a:lnTo>
                  <a:pt x="21600" y="19593"/>
                </a:lnTo>
                <a:lnTo>
                  <a:pt x="21600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2" name="Shape">
            <a:extLst>
              <a:ext uri="{FF2B5EF4-FFF2-40B4-BE49-F238E27FC236}">
                <a16:creationId xmlns:a16="http://schemas.microsoft.com/office/drawing/2014/main" id="{F8354119-6E18-1A38-AFC0-3F2CA047C1DA}"/>
              </a:ext>
            </a:extLst>
          </p:cNvPr>
          <p:cNvSpPr/>
          <p:nvPr userDrawn="1"/>
        </p:nvSpPr>
        <p:spPr>
          <a:xfrm>
            <a:off x="5068124" y="4614225"/>
            <a:ext cx="2055752" cy="1281616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  <a:effectLst>
            <a:outerShdw blurRad="254000" dist="19041" dir="5400000" rotWithShape="0">
              <a:schemeClr val="accent1"/>
            </a:outerShdw>
          </a:effectLst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chemeClr val="accent1">
                    <a:hueOff val="4599999"/>
                    <a:satOff val="-47058"/>
                    <a:lumOff val="-30000"/>
                  </a:schemeClr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4" name="Text Placeholder 22">
            <a:extLst>
              <a:ext uri="{FF2B5EF4-FFF2-40B4-BE49-F238E27FC236}">
                <a16:creationId xmlns:a16="http://schemas.microsoft.com/office/drawing/2014/main" id="{13609538-5AA5-EB4E-9AD6-86F64DA5D0C1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098" y="587092"/>
            <a:ext cx="12175023" cy="1245091"/>
          </a:xfrm>
        </p:spPr>
        <p:txBody>
          <a:bodyPr>
            <a:normAutofit/>
          </a:bodyPr>
          <a:lstStyle>
            <a:lvl1pPr algn="ctr">
              <a:defRPr sz="8800" b="1" i="0">
                <a:solidFill>
                  <a:schemeClr val="bg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Insert text here</a:t>
            </a:r>
          </a:p>
        </p:txBody>
      </p:sp>
      <p:sp>
        <p:nvSpPr>
          <p:cNvPr id="27" name="Text Placeholder 25">
            <a:extLst>
              <a:ext uri="{FF2B5EF4-FFF2-40B4-BE49-F238E27FC236}">
                <a16:creationId xmlns:a16="http://schemas.microsoft.com/office/drawing/2014/main" id="{11F7E6F1-3233-0741-840C-92590AB1209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763" y="1914525"/>
            <a:ext cx="12174537" cy="768350"/>
          </a:xfrm>
        </p:spPr>
        <p:txBody>
          <a:bodyPr>
            <a:noAutofit/>
          </a:bodyPr>
          <a:lstStyle>
            <a:lvl1pPr algn="ctr">
              <a:defRPr sz="6000" b="1" i="0">
                <a:solidFill>
                  <a:schemeClr val="accent2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Subheading text here</a:t>
            </a:r>
          </a:p>
        </p:txBody>
      </p:sp>
    </p:spTree>
    <p:extLst>
      <p:ext uri="{BB962C8B-B14F-4D97-AF65-F5344CB8AC3E}">
        <p14:creationId xmlns:p14="http://schemas.microsoft.com/office/powerpoint/2010/main" val="353121690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2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Shape">
            <a:extLst>
              <a:ext uri="{FF2B5EF4-FFF2-40B4-BE49-F238E27FC236}">
                <a16:creationId xmlns:a16="http://schemas.microsoft.com/office/drawing/2014/main" id="{BC38D0C6-FA6A-935E-DEAA-DDC63E9B2AA6}"/>
              </a:ext>
            </a:extLst>
          </p:cNvPr>
          <p:cNvSpPr/>
          <p:nvPr userDrawn="1"/>
        </p:nvSpPr>
        <p:spPr>
          <a:xfrm rot="5400000">
            <a:off x="10423886" y="5089886"/>
            <a:ext cx="1768114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chemeClr val="accent1">
                    <a:hueOff val="4599999"/>
                    <a:satOff val="-47058"/>
                    <a:lumOff val="-30000"/>
                  </a:schemeClr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8" name="Shape">
            <a:extLst>
              <a:ext uri="{FF2B5EF4-FFF2-40B4-BE49-F238E27FC236}">
                <a16:creationId xmlns:a16="http://schemas.microsoft.com/office/drawing/2014/main" id="{A9FDC39E-6150-1180-C90B-C873BFCE0C32}"/>
              </a:ext>
            </a:extLst>
          </p:cNvPr>
          <p:cNvSpPr/>
          <p:nvPr userDrawn="1"/>
        </p:nvSpPr>
        <p:spPr>
          <a:xfrm rot="16200000" flipH="1">
            <a:off x="0" y="5089886"/>
            <a:ext cx="1768114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chemeClr val="accent1">
                    <a:hueOff val="4599999"/>
                    <a:satOff val="-47058"/>
                    <a:lumOff val="-30000"/>
                  </a:schemeClr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9" name="Shape">
            <a:extLst>
              <a:ext uri="{FF2B5EF4-FFF2-40B4-BE49-F238E27FC236}">
                <a16:creationId xmlns:a16="http://schemas.microsoft.com/office/drawing/2014/main" id="{255652D8-57EF-18EC-E8B1-1690B0A81CBA}"/>
              </a:ext>
            </a:extLst>
          </p:cNvPr>
          <p:cNvSpPr/>
          <p:nvPr userDrawn="1"/>
        </p:nvSpPr>
        <p:spPr>
          <a:xfrm>
            <a:off x="7025" y="-1"/>
            <a:ext cx="12175023" cy="3911998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0" y="0"/>
                </a:moveTo>
                <a:lnTo>
                  <a:pt x="0" y="19593"/>
                </a:lnTo>
                <a:lnTo>
                  <a:pt x="10165" y="19593"/>
                </a:lnTo>
                <a:cubicBezTo>
                  <a:pt x="10340" y="19593"/>
                  <a:pt x="10500" y="19817"/>
                  <a:pt x="10614" y="20180"/>
                </a:cubicBezTo>
                <a:cubicBezTo>
                  <a:pt x="10729" y="20543"/>
                  <a:pt x="10800" y="21046"/>
                  <a:pt x="10800" y="21600"/>
                </a:cubicBezTo>
                <a:cubicBezTo>
                  <a:pt x="10800" y="21046"/>
                  <a:pt x="10871" y="20543"/>
                  <a:pt x="10986" y="20180"/>
                </a:cubicBezTo>
                <a:cubicBezTo>
                  <a:pt x="11100" y="19817"/>
                  <a:pt x="11260" y="19593"/>
                  <a:pt x="11435" y="19593"/>
                </a:cubicBezTo>
                <a:lnTo>
                  <a:pt x="21600" y="19593"/>
                </a:lnTo>
                <a:lnTo>
                  <a:pt x="21600" y="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2" name="Shape">
            <a:extLst>
              <a:ext uri="{FF2B5EF4-FFF2-40B4-BE49-F238E27FC236}">
                <a16:creationId xmlns:a16="http://schemas.microsoft.com/office/drawing/2014/main" id="{F8354119-6E18-1A38-AFC0-3F2CA047C1DA}"/>
              </a:ext>
            </a:extLst>
          </p:cNvPr>
          <p:cNvSpPr/>
          <p:nvPr userDrawn="1"/>
        </p:nvSpPr>
        <p:spPr>
          <a:xfrm>
            <a:off x="5068124" y="4614225"/>
            <a:ext cx="2055752" cy="1281616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  <a:effectLst>
            <a:outerShdw blurRad="254000" dist="19041" dir="5400000" rotWithShape="0">
              <a:schemeClr val="accent1"/>
            </a:outerShdw>
          </a:effectLst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chemeClr val="accent1">
                    <a:hueOff val="4599999"/>
                    <a:satOff val="-47058"/>
                    <a:lumOff val="-30000"/>
                  </a:schemeClr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pic>
        <p:nvPicPr>
          <p:cNvPr id="23" name="Picture 22" descr="A green and white neon text&#10;&#10;Description automatically generated">
            <a:extLst>
              <a:ext uri="{FF2B5EF4-FFF2-40B4-BE49-F238E27FC236}">
                <a16:creationId xmlns:a16="http://schemas.microsoft.com/office/drawing/2014/main" id="{8FA52300-EECB-D24C-91CA-9F2C282BD46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291178" y="537512"/>
            <a:ext cx="5606716" cy="25697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193373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728A64B6-8DAF-864D-B791-496634CEB2F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 anchor="ctr"/>
          <a:lstStyle>
            <a:lvl1pPr algn="ctr">
              <a:defRPr/>
            </a:lvl1pPr>
          </a:lstStyle>
          <a:p>
            <a:endParaRPr lang="en-US" dirty="0"/>
          </a:p>
        </p:txBody>
      </p:sp>
      <p:sp>
        <p:nvSpPr>
          <p:cNvPr id="7" name="Title Placeholder 2">
            <a:extLst>
              <a:ext uri="{FF2B5EF4-FFF2-40B4-BE49-F238E27FC236}">
                <a16:creationId xmlns:a16="http://schemas.microsoft.com/office/drawing/2014/main" id="{34114328-5402-A342-AD02-AEF78C5121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41020" y="3946923"/>
            <a:ext cx="9288780" cy="1120211"/>
          </a:xfrm>
          <a:prstGeom prst="rect">
            <a:avLst/>
          </a:prstGeom>
        </p:spPr>
        <p:txBody>
          <a:bodyPr vert="horz" lIns="91440" tIns="45720" rIns="91440" bIns="45720" rtlCol="0" anchor="t"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CA" sz="3600" b="1" dirty="0">
                <a:solidFill>
                  <a:schemeClr val="bg1"/>
                </a:solidFill>
                <a:latin typeface="PolySans Bulky" pitchFamily="2" charset="77"/>
              </a:rPr>
              <a:t>Insert title slide</a:t>
            </a:r>
            <a:br>
              <a:rPr lang="en-CA" sz="3600" b="1" dirty="0">
                <a:solidFill>
                  <a:schemeClr val="bg1"/>
                </a:solidFill>
                <a:latin typeface="PolySans Bulky" pitchFamily="2" charset="77"/>
              </a:rPr>
            </a:br>
            <a:r>
              <a:rPr lang="en-CA" sz="3600" b="1" dirty="0">
                <a:solidFill>
                  <a:schemeClr val="bg1"/>
                </a:solidFill>
                <a:latin typeface="PolySans Bulky" pitchFamily="2" charset="77"/>
              </a:rPr>
              <a:t>Insert second level title slide</a:t>
            </a:r>
          </a:p>
        </p:txBody>
      </p:sp>
      <p:sp>
        <p:nvSpPr>
          <p:cNvPr id="8" name="Text Placeholder 64">
            <a:extLst>
              <a:ext uri="{FF2B5EF4-FFF2-40B4-BE49-F238E27FC236}">
                <a16:creationId xmlns:a16="http://schemas.microsoft.com/office/drawing/2014/main" id="{401922BC-7930-7C46-B2C9-9902CF8C73F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541020" y="5091174"/>
            <a:ext cx="5646737" cy="424207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CA" sz="2400" dirty="0">
                <a:solidFill>
                  <a:schemeClr val="bg1"/>
                </a:solidFill>
                <a:latin typeface="PolySans Slim" pitchFamily="2" charset="77"/>
              </a:rPr>
              <a:t>Secondary title here</a:t>
            </a:r>
          </a:p>
        </p:txBody>
      </p:sp>
      <p:sp>
        <p:nvSpPr>
          <p:cNvPr id="9" name="Text Placeholder 69">
            <a:extLst>
              <a:ext uri="{FF2B5EF4-FFF2-40B4-BE49-F238E27FC236}">
                <a16:creationId xmlns:a16="http://schemas.microsoft.com/office/drawing/2014/main" id="{CEF5C4F3-5F0F-8C4B-B175-03F120591E2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31993" y="5673676"/>
            <a:ext cx="4557712" cy="32734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CA" sz="1600" dirty="0">
                <a:solidFill>
                  <a:schemeClr val="bg1"/>
                </a:solidFill>
                <a:latin typeface="PolySans Slim" pitchFamily="2" charset="77"/>
              </a:rPr>
              <a:t>Date • 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3508692902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1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older 2"/>
          <p:cNvSpPr>
            <a:spLocks noGrp="1"/>
          </p:cNvSpPr>
          <p:nvPr>
            <p:ph type="ftr" sz="quarter" idx="5"/>
          </p:nvPr>
        </p:nvSpPr>
        <p:spPr/>
        <p:txBody>
          <a:bodyPr lIns="0" tIns="0" rIns="0" bIns="0"/>
          <a:lstStyle>
            <a:lvl1pPr algn="ct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/>
          </a:p>
        </p:txBody>
      </p:sp>
      <p:sp>
        <p:nvSpPr>
          <p:cNvPr id="3" name="Holder 3"/>
          <p:cNvSpPr>
            <a:spLocks noGrp="1"/>
          </p:cNvSpPr>
          <p:nvPr>
            <p:ph type="dt" sz="half" idx="6"/>
          </p:nvPr>
        </p:nvSpPr>
        <p:spPr/>
        <p:txBody>
          <a:bodyPr lIns="0" tIns="0" rIns="0" bIns="0"/>
          <a:lstStyle>
            <a:lvl1pPr algn="l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D8BD707-D9CF-40AE-B4C6-C98DA3205C09}" type="datetimeFigureOut">
              <a:rPr lang="en-US"/>
              <a:t>4/23/2024</a:t>
            </a:fld>
            <a:endParaRPr lang="en-US"/>
          </a:p>
        </p:txBody>
      </p:sp>
      <p:sp>
        <p:nvSpPr>
          <p:cNvPr id="4" name="Holder 4"/>
          <p:cNvSpPr>
            <a:spLocks noGrp="1"/>
          </p:cNvSpPr>
          <p:nvPr>
            <p:ph type="sldNum" sz="quarter" idx="7"/>
          </p:nvPr>
        </p:nvSpPr>
        <p:spPr/>
        <p:txBody>
          <a:bodyPr lIns="0" tIns="0" rIns="0" bIns="0"/>
          <a:lstStyle>
            <a:lvl1pPr algn="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F15528-21DE-4FAA-801E-634DDDAF4B2B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0212698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">
            <a:extLst>
              <a:ext uri="{FF2B5EF4-FFF2-40B4-BE49-F238E27FC236}">
                <a16:creationId xmlns:a16="http://schemas.microsoft.com/office/drawing/2014/main" id="{C1635D1E-B06C-3989-C0D3-DA76BE4C0D6E}"/>
              </a:ext>
            </a:extLst>
          </p:cNvPr>
          <p:cNvSpPr/>
          <p:nvPr userDrawn="1"/>
        </p:nvSpPr>
        <p:spPr>
          <a:xfrm>
            <a:off x="-11575" y="-6900"/>
            <a:ext cx="4065800" cy="6870076"/>
          </a:xfrm>
          <a:prstGeom prst="rect">
            <a:avLst/>
          </a:pr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4" name="Rectangle">
            <a:extLst>
              <a:ext uri="{FF2B5EF4-FFF2-40B4-BE49-F238E27FC236}">
                <a16:creationId xmlns:a16="http://schemas.microsoft.com/office/drawing/2014/main" id="{5559858C-93A2-ACA6-FC81-E278B23F9167}"/>
              </a:ext>
            </a:extLst>
          </p:cNvPr>
          <p:cNvSpPr/>
          <p:nvPr userDrawn="1"/>
        </p:nvSpPr>
        <p:spPr>
          <a:xfrm>
            <a:off x="4054223" y="-3451"/>
            <a:ext cx="4060402" cy="6866627"/>
          </a:xfrm>
          <a:prstGeom prst="rect">
            <a:avLst/>
          </a:prstGeom>
          <a:solidFill>
            <a:schemeClr val="accent1"/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5" name="Rectangle">
            <a:extLst>
              <a:ext uri="{FF2B5EF4-FFF2-40B4-BE49-F238E27FC236}">
                <a16:creationId xmlns:a16="http://schemas.microsoft.com/office/drawing/2014/main" id="{F43DE544-87AD-BA43-F8A0-A3B652367898}"/>
              </a:ext>
            </a:extLst>
          </p:cNvPr>
          <p:cNvSpPr/>
          <p:nvPr userDrawn="1"/>
        </p:nvSpPr>
        <p:spPr>
          <a:xfrm>
            <a:off x="8114569" y="0"/>
            <a:ext cx="4077431" cy="6863176"/>
          </a:xfrm>
          <a:prstGeom prst="rect">
            <a:avLst/>
          </a:prstGeom>
          <a:solidFill>
            <a:schemeClr val="accent1">
              <a:hueOff val="-342857"/>
              <a:satOff val="-34375"/>
              <a:lumOff val="34901"/>
            </a:schemeClr>
          </a:solidFill>
          <a:ln w="12700">
            <a:miter lim="400000"/>
          </a:ln>
        </p:spPr>
        <p:txBody>
          <a:bodyPr lIns="45719" rIns="45719" anchor="ctr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18" name="Shape">
            <a:extLst>
              <a:ext uri="{FF2B5EF4-FFF2-40B4-BE49-F238E27FC236}">
                <a16:creationId xmlns:a16="http://schemas.microsoft.com/office/drawing/2014/main" id="{6DAD8CB2-590C-F382-947A-81BD80F00998}"/>
              </a:ext>
            </a:extLst>
          </p:cNvPr>
          <p:cNvSpPr/>
          <p:nvPr userDrawn="1"/>
        </p:nvSpPr>
        <p:spPr>
          <a:xfrm>
            <a:off x="3131742" y="500368"/>
            <a:ext cx="684665" cy="68466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9" name="Shape">
            <a:extLst>
              <a:ext uri="{FF2B5EF4-FFF2-40B4-BE49-F238E27FC236}">
                <a16:creationId xmlns:a16="http://schemas.microsoft.com/office/drawing/2014/main" id="{193F5FF3-64A3-DD6B-971F-2E689377CB02}"/>
              </a:ext>
            </a:extLst>
          </p:cNvPr>
          <p:cNvSpPr/>
          <p:nvPr userDrawn="1"/>
        </p:nvSpPr>
        <p:spPr>
          <a:xfrm>
            <a:off x="7187537" y="500368"/>
            <a:ext cx="684665" cy="68466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0" name="Shape">
            <a:extLst>
              <a:ext uri="{FF2B5EF4-FFF2-40B4-BE49-F238E27FC236}">
                <a16:creationId xmlns:a16="http://schemas.microsoft.com/office/drawing/2014/main" id="{13C371F0-70F6-FD86-AA3F-74738D48B06C}"/>
              </a:ext>
            </a:extLst>
          </p:cNvPr>
          <p:cNvSpPr/>
          <p:nvPr userDrawn="1"/>
        </p:nvSpPr>
        <p:spPr>
          <a:xfrm rot="16200000" flipH="1">
            <a:off x="-10354" y="509333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1" name="Shape">
            <a:extLst>
              <a:ext uri="{FF2B5EF4-FFF2-40B4-BE49-F238E27FC236}">
                <a16:creationId xmlns:a16="http://schemas.microsoft.com/office/drawing/2014/main" id="{314E9534-AE51-BC2B-D0BF-6A91F86E53B3}"/>
              </a:ext>
            </a:extLst>
          </p:cNvPr>
          <p:cNvSpPr/>
          <p:nvPr userDrawn="1"/>
        </p:nvSpPr>
        <p:spPr>
          <a:xfrm>
            <a:off x="11253335" y="500368"/>
            <a:ext cx="684665" cy="68466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3" name="Shape">
            <a:extLst>
              <a:ext uri="{FF2B5EF4-FFF2-40B4-BE49-F238E27FC236}">
                <a16:creationId xmlns:a16="http://schemas.microsoft.com/office/drawing/2014/main" id="{A7312F05-CFE9-7B61-DB71-FAC9962F5399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8" name="Text Placeholder 6">
            <a:extLst>
              <a:ext uri="{FF2B5EF4-FFF2-40B4-BE49-F238E27FC236}">
                <a16:creationId xmlns:a16="http://schemas.microsoft.com/office/drawing/2014/main" id="{E1122CCA-BA3E-AA4D-82C6-E8B5589F0610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0" y="2835436"/>
            <a:ext cx="4054225" cy="885825"/>
          </a:xfrm>
        </p:spPr>
        <p:txBody>
          <a:bodyPr>
            <a:noAutofit/>
          </a:bodyPr>
          <a:lstStyle>
            <a:lvl1pPr algn="ctr">
              <a:lnSpc>
                <a:spcPct val="100000"/>
              </a:lnSpc>
              <a:defRPr sz="2400" b="1" i="0">
                <a:solidFill>
                  <a:schemeClr val="accent2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Lorem Ipsum</a:t>
            </a:r>
            <a:br>
              <a:rPr lang="en-US" dirty="0"/>
            </a:br>
            <a:r>
              <a:rPr lang="en-US" dirty="0"/>
              <a:t>title here</a:t>
            </a:r>
          </a:p>
        </p:txBody>
      </p:sp>
      <p:sp>
        <p:nvSpPr>
          <p:cNvPr id="30" name="Text Placeholder 6">
            <a:extLst>
              <a:ext uri="{FF2B5EF4-FFF2-40B4-BE49-F238E27FC236}">
                <a16:creationId xmlns:a16="http://schemas.microsoft.com/office/drawing/2014/main" id="{8B3DF20B-402B-CA4B-95B8-3B0F6F7EFCF4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74510" y="2835436"/>
            <a:ext cx="4040115" cy="885825"/>
          </a:xfrm>
        </p:spPr>
        <p:txBody>
          <a:bodyPr>
            <a:noAutofit/>
          </a:bodyPr>
          <a:lstStyle>
            <a:lvl1pPr algn="ctr">
              <a:lnSpc>
                <a:spcPct val="100000"/>
              </a:lnSpc>
              <a:defRPr sz="2400" b="1" i="0">
                <a:solidFill>
                  <a:schemeClr val="tx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Lorem Ipsum</a:t>
            </a:r>
            <a:br>
              <a:rPr lang="en-US" dirty="0"/>
            </a:br>
            <a:r>
              <a:rPr lang="en-US" dirty="0"/>
              <a:t>title here</a:t>
            </a:r>
          </a:p>
        </p:txBody>
      </p:sp>
      <p:sp>
        <p:nvSpPr>
          <p:cNvPr id="31" name="Text Placeholder 6">
            <a:extLst>
              <a:ext uri="{FF2B5EF4-FFF2-40B4-BE49-F238E27FC236}">
                <a16:creationId xmlns:a16="http://schemas.microsoft.com/office/drawing/2014/main" id="{BEC8F78C-A931-F540-B152-F2E2BA27723D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120730" y="2835436"/>
            <a:ext cx="4040115" cy="885825"/>
          </a:xfrm>
        </p:spPr>
        <p:txBody>
          <a:bodyPr>
            <a:noAutofit/>
          </a:bodyPr>
          <a:lstStyle>
            <a:lvl1pPr algn="ctr">
              <a:lnSpc>
                <a:spcPct val="100000"/>
              </a:lnSpc>
              <a:defRPr sz="2400" b="1" i="0">
                <a:solidFill>
                  <a:schemeClr val="tx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Lorem Ipsum</a:t>
            </a:r>
            <a:br>
              <a:rPr lang="en-US" dirty="0"/>
            </a:br>
            <a:r>
              <a:rPr lang="en-US" dirty="0"/>
              <a:t>title here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18E4AB0E-B1CB-8A49-BAE9-87179C30808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95945" y="4337822"/>
            <a:ext cx="3279305" cy="1722437"/>
          </a:xfrm>
        </p:spPr>
        <p:txBody>
          <a:bodyPr>
            <a:noAutofit/>
          </a:bodyPr>
          <a:lstStyle>
            <a:lvl1pPr algn="ctr">
              <a:lnSpc>
                <a:spcPct val="100000"/>
              </a:lnSpc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</a:p>
          <a:p>
            <a:pPr lvl="0"/>
            <a:endParaRPr lang="en-US" dirty="0"/>
          </a:p>
        </p:txBody>
      </p:sp>
      <p:sp>
        <p:nvSpPr>
          <p:cNvPr id="33" name="Text Placeholder 10">
            <a:extLst>
              <a:ext uri="{FF2B5EF4-FFF2-40B4-BE49-F238E27FC236}">
                <a16:creationId xmlns:a16="http://schemas.microsoft.com/office/drawing/2014/main" id="{D5F63D5A-A690-7E4F-A641-BA740B36E90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461745" y="4337822"/>
            <a:ext cx="3279305" cy="1722437"/>
          </a:xfrm>
        </p:spPr>
        <p:txBody>
          <a:bodyPr>
            <a:noAutofit/>
          </a:bodyPr>
          <a:lstStyle>
            <a:lvl1pPr algn="ctr">
              <a:lnSpc>
                <a:spcPct val="100000"/>
              </a:lnSpc>
              <a:defRPr sz="1200">
                <a:solidFill>
                  <a:srgbClr val="0C2721"/>
                </a:solidFill>
              </a:defRPr>
            </a:lvl1pPr>
          </a:lstStyle>
          <a:p>
            <a:pPr lvl="0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</a:p>
          <a:p>
            <a:pPr lvl="0"/>
            <a:endParaRPr lang="en-US" dirty="0"/>
          </a:p>
        </p:txBody>
      </p:sp>
      <p:sp>
        <p:nvSpPr>
          <p:cNvPr id="34" name="Text Placeholder 10">
            <a:extLst>
              <a:ext uri="{FF2B5EF4-FFF2-40B4-BE49-F238E27FC236}">
                <a16:creationId xmlns:a16="http://schemas.microsoft.com/office/drawing/2014/main" id="{CC7A0BF7-9CD9-7E47-89AE-F398195CC24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523205" y="4337822"/>
            <a:ext cx="3279305" cy="1722437"/>
          </a:xfrm>
        </p:spPr>
        <p:txBody>
          <a:bodyPr>
            <a:noAutofit/>
          </a:bodyPr>
          <a:lstStyle>
            <a:lvl1pPr algn="ctr">
              <a:lnSpc>
                <a:spcPct val="100000"/>
              </a:lnSpc>
              <a:defRPr sz="1200">
                <a:solidFill>
                  <a:srgbClr val="0C2721"/>
                </a:solidFill>
              </a:defRPr>
            </a:lvl1pPr>
          </a:lstStyle>
          <a:p>
            <a:pPr lvl="0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</a:p>
          <a:p>
            <a:pPr lvl="0"/>
            <a:endParaRPr lang="en-US" dirty="0"/>
          </a:p>
        </p:txBody>
      </p:sp>
      <p:sp>
        <p:nvSpPr>
          <p:cNvPr id="24" name="Text Placeholder 33">
            <a:extLst>
              <a:ext uri="{FF2B5EF4-FFF2-40B4-BE49-F238E27FC236}">
                <a16:creationId xmlns:a16="http://schemas.microsoft.com/office/drawing/2014/main" id="{3608F31C-20C9-BF47-B05F-1C433EFE6E3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938" y="0"/>
            <a:ext cx="4042099" cy="2312941"/>
          </a:xfrm>
        </p:spPr>
        <p:txBody>
          <a:bodyPr anchor="ctr"/>
          <a:lstStyle>
            <a:lvl1pPr algn="ctr">
              <a:defRPr sz="16700" b="1" i="0">
                <a:solidFill>
                  <a:schemeClr val="bg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25" name="Text Placeholder 33">
            <a:extLst>
              <a:ext uri="{FF2B5EF4-FFF2-40B4-BE49-F238E27FC236}">
                <a16:creationId xmlns:a16="http://schemas.microsoft.com/office/drawing/2014/main" id="{64DA7AF3-B323-6D49-95FA-81A15659EB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052656" y="0"/>
            <a:ext cx="4042099" cy="2312941"/>
          </a:xfrm>
        </p:spPr>
        <p:txBody>
          <a:bodyPr anchor="ctr"/>
          <a:lstStyle>
            <a:lvl1pPr algn="ctr">
              <a:defRPr sz="16700" b="1" i="0">
                <a:solidFill>
                  <a:schemeClr val="tx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02</a:t>
            </a:r>
          </a:p>
        </p:txBody>
      </p:sp>
      <p:sp>
        <p:nvSpPr>
          <p:cNvPr id="26" name="Text Placeholder 33">
            <a:extLst>
              <a:ext uri="{FF2B5EF4-FFF2-40B4-BE49-F238E27FC236}">
                <a16:creationId xmlns:a16="http://schemas.microsoft.com/office/drawing/2014/main" id="{72ACDA21-BDB0-7049-B105-20B13FB717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04049" y="0"/>
            <a:ext cx="4042099" cy="2312941"/>
          </a:xfrm>
        </p:spPr>
        <p:txBody>
          <a:bodyPr anchor="ctr"/>
          <a:lstStyle>
            <a:lvl1pPr algn="ctr">
              <a:defRPr sz="16700" b="1" i="0">
                <a:solidFill>
                  <a:schemeClr val="tx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03</a:t>
            </a:r>
          </a:p>
        </p:txBody>
      </p:sp>
    </p:spTree>
    <p:extLst>
      <p:ext uri="{BB962C8B-B14F-4D97-AF65-F5344CB8AC3E}">
        <p14:creationId xmlns:p14="http://schemas.microsoft.com/office/powerpoint/2010/main" val="167759641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">
            <a:extLst>
              <a:ext uri="{FF2B5EF4-FFF2-40B4-BE49-F238E27FC236}">
                <a16:creationId xmlns:a16="http://schemas.microsoft.com/office/drawing/2014/main" id="{323B2C59-E8B3-D74C-7790-CBCB1A9C7595}"/>
              </a:ext>
            </a:extLst>
          </p:cNvPr>
          <p:cNvGrpSpPr/>
          <p:nvPr userDrawn="1"/>
        </p:nvGrpSpPr>
        <p:grpSpPr>
          <a:xfrm>
            <a:off x="4061586" y="0"/>
            <a:ext cx="8130415" cy="2033829"/>
            <a:chOff x="0" y="0"/>
            <a:chExt cx="8130413" cy="2033828"/>
          </a:xfrm>
        </p:grpSpPr>
        <p:grpSp>
          <p:nvGrpSpPr>
            <p:cNvPr id="4" name="Group">
              <a:extLst>
                <a:ext uri="{FF2B5EF4-FFF2-40B4-BE49-F238E27FC236}">
                  <a16:creationId xmlns:a16="http://schemas.microsoft.com/office/drawing/2014/main" id="{1C1B40A1-9CC8-9CF2-DD83-3CA66F929EF5}"/>
                </a:ext>
              </a:extLst>
            </p:cNvPr>
            <p:cNvGrpSpPr/>
            <p:nvPr/>
          </p:nvGrpSpPr>
          <p:grpSpPr>
            <a:xfrm>
              <a:off x="4065206" y="0"/>
              <a:ext cx="4065208" cy="2033829"/>
              <a:chOff x="0" y="0"/>
              <a:chExt cx="4065206" cy="2033828"/>
            </a:xfrm>
          </p:grpSpPr>
          <p:sp>
            <p:nvSpPr>
              <p:cNvPr id="14" name="Triangle">
                <a:extLst>
                  <a:ext uri="{FF2B5EF4-FFF2-40B4-BE49-F238E27FC236}">
                    <a16:creationId xmlns:a16="http://schemas.microsoft.com/office/drawing/2014/main" id="{75EC4843-59B5-C55D-C536-71592E9A7A95}"/>
                  </a:ext>
                </a:extLst>
              </p:cNvPr>
              <p:cNvSpPr/>
              <p:nvPr/>
            </p:nvSpPr>
            <p:spPr>
              <a:xfrm rot="10800000">
                <a:off x="3048292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5" name="Triangle">
                <a:extLst>
                  <a:ext uri="{FF2B5EF4-FFF2-40B4-BE49-F238E27FC236}">
                    <a16:creationId xmlns:a16="http://schemas.microsoft.com/office/drawing/2014/main" id="{771E80AC-2C88-85C7-0E77-F7A6F5610A5D}"/>
                  </a:ext>
                </a:extLst>
              </p:cNvPr>
              <p:cNvSpPr/>
              <p:nvPr/>
            </p:nvSpPr>
            <p:spPr>
              <a:xfrm rot="10800000">
                <a:off x="2031377" y="0"/>
                <a:ext cx="1016916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6" name="Triangle">
                <a:extLst>
                  <a:ext uri="{FF2B5EF4-FFF2-40B4-BE49-F238E27FC236}">
                    <a16:creationId xmlns:a16="http://schemas.microsoft.com/office/drawing/2014/main" id="{D7440074-0379-B2B2-B6DB-33930D54087D}"/>
                  </a:ext>
                </a:extLst>
              </p:cNvPr>
              <p:cNvSpPr/>
              <p:nvPr/>
            </p:nvSpPr>
            <p:spPr>
              <a:xfrm rot="10800000">
                <a:off x="1016914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7" name="Triangle">
                <a:extLst>
                  <a:ext uri="{FF2B5EF4-FFF2-40B4-BE49-F238E27FC236}">
                    <a16:creationId xmlns:a16="http://schemas.microsoft.com/office/drawing/2014/main" id="{01015DC8-9515-E3B4-30D4-8A1540922AC3}"/>
                  </a:ext>
                </a:extLst>
              </p:cNvPr>
              <p:cNvSpPr/>
              <p:nvPr/>
            </p:nvSpPr>
            <p:spPr>
              <a:xfrm rot="10800000">
                <a:off x="0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8" name="Triangle">
                <a:extLst>
                  <a:ext uri="{FF2B5EF4-FFF2-40B4-BE49-F238E27FC236}">
                    <a16:creationId xmlns:a16="http://schemas.microsoft.com/office/drawing/2014/main" id="{82D14C67-0F3B-D4D4-975A-1E61E4BA0CDC}"/>
                  </a:ext>
                </a:extLst>
              </p:cNvPr>
              <p:cNvSpPr/>
              <p:nvPr/>
            </p:nvSpPr>
            <p:spPr>
              <a:xfrm rot="10800000">
                <a:off x="3048292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9" name="Triangle">
                <a:extLst>
                  <a:ext uri="{FF2B5EF4-FFF2-40B4-BE49-F238E27FC236}">
                    <a16:creationId xmlns:a16="http://schemas.microsoft.com/office/drawing/2014/main" id="{7E7A6676-CBDF-B46F-B6AB-1D479F9B36FB}"/>
                  </a:ext>
                </a:extLst>
              </p:cNvPr>
              <p:cNvSpPr/>
              <p:nvPr/>
            </p:nvSpPr>
            <p:spPr>
              <a:xfrm rot="10800000">
                <a:off x="2031377" y="1016914"/>
                <a:ext cx="1016916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0" name="Triangle">
                <a:extLst>
                  <a:ext uri="{FF2B5EF4-FFF2-40B4-BE49-F238E27FC236}">
                    <a16:creationId xmlns:a16="http://schemas.microsoft.com/office/drawing/2014/main" id="{FE074114-20A5-475E-36F0-C4D37518005C}"/>
                  </a:ext>
                </a:extLst>
              </p:cNvPr>
              <p:cNvSpPr/>
              <p:nvPr/>
            </p:nvSpPr>
            <p:spPr>
              <a:xfrm rot="10800000">
                <a:off x="1016914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1" name="Triangle">
                <a:extLst>
                  <a:ext uri="{FF2B5EF4-FFF2-40B4-BE49-F238E27FC236}">
                    <a16:creationId xmlns:a16="http://schemas.microsoft.com/office/drawing/2014/main" id="{FEDB7F9D-EF61-5887-4290-D82DB8BFB4C8}"/>
                  </a:ext>
                </a:extLst>
              </p:cNvPr>
              <p:cNvSpPr/>
              <p:nvPr/>
            </p:nvSpPr>
            <p:spPr>
              <a:xfrm rot="10800000">
                <a:off x="0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</p:grpSp>
        <p:grpSp>
          <p:nvGrpSpPr>
            <p:cNvPr id="5" name="Group">
              <a:extLst>
                <a:ext uri="{FF2B5EF4-FFF2-40B4-BE49-F238E27FC236}">
                  <a16:creationId xmlns:a16="http://schemas.microsoft.com/office/drawing/2014/main" id="{B979AF14-0C30-8FB6-A5C8-F0DB89086BDA}"/>
                </a:ext>
              </a:extLst>
            </p:cNvPr>
            <p:cNvGrpSpPr/>
            <p:nvPr/>
          </p:nvGrpSpPr>
          <p:grpSpPr>
            <a:xfrm>
              <a:off x="-1" y="0"/>
              <a:ext cx="4065208" cy="2033829"/>
              <a:chOff x="0" y="0"/>
              <a:chExt cx="4065206" cy="2033828"/>
            </a:xfrm>
          </p:grpSpPr>
          <p:sp>
            <p:nvSpPr>
              <p:cNvPr id="6" name="Triangle">
                <a:extLst>
                  <a:ext uri="{FF2B5EF4-FFF2-40B4-BE49-F238E27FC236}">
                    <a16:creationId xmlns:a16="http://schemas.microsoft.com/office/drawing/2014/main" id="{D421B7B2-DD7C-A968-74D0-DF948EAB0E1A}"/>
                  </a:ext>
                </a:extLst>
              </p:cNvPr>
              <p:cNvSpPr/>
              <p:nvPr/>
            </p:nvSpPr>
            <p:spPr>
              <a:xfrm rot="10800000">
                <a:off x="3048292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7" name="Triangle">
                <a:extLst>
                  <a:ext uri="{FF2B5EF4-FFF2-40B4-BE49-F238E27FC236}">
                    <a16:creationId xmlns:a16="http://schemas.microsoft.com/office/drawing/2014/main" id="{13C191D3-CE5E-3B5F-E1A6-01A7A46589EB}"/>
                  </a:ext>
                </a:extLst>
              </p:cNvPr>
              <p:cNvSpPr/>
              <p:nvPr/>
            </p:nvSpPr>
            <p:spPr>
              <a:xfrm rot="10800000">
                <a:off x="2031377" y="0"/>
                <a:ext cx="1016916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8" name="Triangle">
                <a:extLst>
                  <a:ext uri="{FF2B5EF4-FFF2-40B4-BE49-F238E27FC236}">
                    <a16:creationId xmlns:a16="http://schemas.microsoft.com/office/drawing/2014/main" id="{9864505A-4F9B-A117-7B73-C1537B350CC9}"/>
                  </a:ext>
                </a:extLst>
              </p:cNvPr>
              <p:cNvSpPr/>
              <p:nvPr/>
            </p:nvSpPr>
            <p:spPr>
              <a:xfrm rot="10800000">
                <a:off x="1016914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9" name="Triangle">
                <a:extLst>
                  <a:ext uri="{FF2B5EF4-FFF2-40B4-BE49-F238E27FC236}">
                    <a16:creationId xmlns:a16="http://schemas.microsoft.com/office/drawing/2014/main" id="{90932FBC-9CFC-ECFB-3EE2-59676AEBB115}"/>
                  </a:ext>
                </a:extLst>
              </p:cNvPr>
              <p:cNvSpPr/>
              <p:nvPr/>
            </p:nvSpPr>
            <p:spPr>
              <a:xfrm rot="10800000">
                <a:off x="0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0" name="Triangle">
                <a:extLst>
                  <a:ext uri="{FF2B5EF4-FFF2-40B4-BE49-F238E27FC236}">
                    <a16:creationId xmlns:a16="http://schemas.microsoft.com/office/drawing/2014/main" id="{31364950-FED4-9DEB-2B64-59EAEA9B700C}"/>
                  </a:ext>
                </a:extLst>
              </p:cNvPr>
              <p:cNvSpPr/>
              <p:nvPr/>
            </p:nvSpPr>
            <p:spPr>
              <a:xfrm rot="10800000">
                <a:off x="3048292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1" name="Triangle">
                <a:extLst>
                  <a:ext uri="{FF2B5EF4-FFF2-40B4-BE49-F238E27FC236}">
                    <a16:creationId xmlns:a16="http://schemas.microsoft.com/office/drawing/2014/main" id="{600E8AB5-9FB2-EBD2-7CFF-6F0A9E718582}"/>
                  </a:ext>
                </a:extLst>
              </p:cNvPr>
              <p:cNvSpPr/>
              <p:nvPr/>
            </p:nvSpPr>
            <p:spPr>
              <a:xfrm rot="10800000">
                <a:off x="2031377" y="1016914"/>
                <a:ext cx="1016916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2" name="Triangle">
                <a:extLst>
                  <a:ext uri="{FF2B5EF4-FFF2-40B4-BE49-F238E27FC236}">
                    <a16:creationId xmlns:a16="http://schemas.microsoft.com/office/drawing/2014/main" id="{76EE33B4-61E5-2170-3EA5-19436EEF7DEA}"/>
                  </a:ext>
                </a:extLst>
              </p:cNvPr>
              <p:cNvSpPr/>
              <p:nvPr/>
            </p:nvSpPr>
            <p:spPr>
              <a:xfrm rot="10800000">
                <a:off x="1016914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3" name="Triangle">
                <a:extLst>
                  <a:ext uri="{FF2B5EF4-FFF2-40B4-BE49-F238E27FC236}">
                    <a16:creationId xmlns:a16="http://schemas.microsoft.com/office/drawing/2014/main" id="{60DF7C34-9203-F99B-8293-561A870529D3}"/>
                  </a:ext>
                </a:extLst>
              </p:cNvPr>
              <p:cNvSpPr/>
              <p:nvPr/>
            </p:nvSpPr>
            <p:spPr>
              <a:xfrm rot="10800000">
                <a:off x="0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</p:grpSp>
      </p:grpSp>
      <p:sp>
        <p:nvSpPr>
          <p:cNvPr id="22" name="Shape">
            <a:extLst>
              <a:ext uri="{FF2B5EF4-FFF2-40B4-BE49-F238E27FC236}">
                <a16:creationId xmlns:a16="http://schemas.microsoft.com/office/drawing/2014/main" id="{208BABC2-0170-DF6E-2D11-C09A602AC082}"/>
              </a:ext>
            </a:extLst>
          </p:cNvPr>
          <p:cNvSpPr/>
          <p:nvPr userDrawn="1"/>
        </p:nvSpPr>
        <p:spPr>
          <a:xfrm flipH="1">
            <a:off x="-9987" y="-14288"/>
            <a:ext cx="5193411" cy="6877052"/>
          </a:xfrm>
          <a:custGeom>
            <a:avLst/>
            <a:gdLst>
              <a:gd name="connsiteX0" fmla="*/ 3611 w 21600"/>
              <a:gd name="connsiteY0" fmla="*/ 0 h 21600"/>
              <a:gd name="connsiteX1" fmla="*/ 3611 w 21600"/>
              <a:gd name="connsiteY1" fmla="*/ 7584 h 21600"/>
              <a:gd name="connsiteX2" fmla="*/ 2556 w 21600"/>
              <a:gd name="connsiteY2" fmla="*/ 9830 h 21600"/>
              <a:gd name="connsiteX3" fmla="*/ 0 w 21600"/>
              <a:gd name="connsiteY3" fmla="*/ 10800 h 21600"/>
              <a:gd name="connsiteX4" fmla="*/ 2556 w 21600"/>
              <a:gd name="connsiteY4" fmla="*/ 11770 h 21600"/>
              <a:gd name="connsiteX5" fmla="*/ 3611 w 21600"/>
              <a:gd name="connsiteY5" fmla="*/ 14016 h 21600"/>
              <a:gd name="connsiteX6" fmla="*/ 3611 w 21600"/>
              <a:gd name="connsiteY6" fmla="*/ 21600 h 21600"/>
              <a:gd name="connsiteX7" fmla="*/ 17779 w 21600"/>
              <a:gd name="connsiteY7" fmla="*/ 21600 h 21600"/>
              <a:gd name="connsiteX8" fmla="*/ 21600 w 21600"/>
              <a:gd name="connsiteY8" fmla="*/ 0 h 21600"/>
              <a:gd name="connsiteX9" fmla="*/ 3611 w 21600"/>
              <a:gd name="connsiteY9" fmla="*/ 0 h 21600"/>
              <a:gd name="connsiteX0" fmla="*/ 3611 w 17779"/>
              <a:gd name="connsiteY0" fmla="*/ 0 h 21600"/>
              <a:gd name="connsiteX1" fmla="*/ 3611 w 17779"/>
              <a:gd name="connsiteY1" fmla="*/ 7584 h 21600"/>
              <a:gd name="connsiteX2" fmla="*/ 2556 w 17779"/>
              <a:gd name="connsiteY2" fmla="*/ 9830 h 21600"/>
              <a:gd name="connsiteX3" fmla="*/ 0 w 17779"/>
              <a:gd name="connsiteY3" fmla="*/ 10800 h 21600"/>
              <a:gd name="connsiteX4" fmla="*/ 2556 w 17779"/>
              <a:gd name="connsiteY4" fmla="*/ 11770 h 21600"/>
              <a:gd name="connsiteX5" fmla="*/ 3611 w 17779"/>
              <a:gd name="connsiteY5" fmla="*/ 14016 h 21600"/>
              <a:gd name="connsiteX6" fmla="*/ 3611 w 17779"/>
              <a:gd name="connsiteY6" fmla="*/ 21600 h 21600"/>
              <a:gd name="connsiteX7" fmla="*/ 17779 w 17779"/>
              <a:gd name="connsiteY7" fmla="*/ 21600 h 21600"/>
              <a:gd name="connsiteX8" fmla="*/ 17779 w 17779"/>
              <a:gd name="connsiteY8" fmla="*/ 0 h 21600"/>
              <a:gd name="connsiteX9" fmla="*/ 3611 w 17779"/>
              <a:gd name="connsiteY9" fmla="*/ 0 h 21600"/>
              <a:gd name="connsiteX0" fmla="*/ 3611 w 17860"/>
              <a:gd name="connsiteY0" fmla="*/ 0 h 21615"/>
              <a:gd name="connsiteX1" fmla="*/ 3611 w 17860"/>
              <a:gd name="connsiteY1" fmla="*/ 7584 h 21615"/>
              <a:gd name="connsiteX2" fmla="*/ 2556 w 17860"/>
              <a:gd name="connsiteY2" fmla="*/ 9830 h 21615"/>
              <a:gd name="connsiteX3" fmla="*/ 0 w 17860"/>
              <a:gd name="connsiteY3" fmla="*/ 10800 h 21615"/>
              <a:gd name="connsiteX4" fmla="*/ 2556 w 17860"/>
              <a:gd name="connsiteY4" fmla="*/ 11770 h 21615"/>
              <a:gd name="connsiteX5" fmla="*/ 3611 w 17860"/>
              <a:gd name="connsiteY5" fmla="*/ 14016 h 21615"/>
              <a:gd name="connsiteX6" fmla="*/ 3611 w 17860"/>
              <a:gd name="connsiteY6" fmla="*/ 21600 h 21615"/>
              <a:gd name="connsiteX7" fmla="*/ 17860 w 17860"/>
              <a:gd name="connsiteY7" fmla="*/ 21615 h 21615"/>
              <a:gd name="connsiteX8" fmla="*/ 17779 w 17860"/>
              <a:gd name="connsiteY8" fmla="*/ 0 h 21615"/>
              <a:gd name="connsiteX9" fmla="*/ 3611 w 17860"/>
              <a:gd name="connsiteY9" fmla="*/ 0 h 21615"/>
              <a:gd name="connsiteX0" fmla="*/ 3611 w 17860"/>
              <a:gd name="connsiteY0" fmla="*/ 0 h 21615"/>
              <a:gd name="connsiteX1" fmla="*/ 3611 w 17860"/>
              <a:gd name="connsiteY1" fmla="*/ 7584 h 21615"/>
              <a:gd name="connsiteX2" fmla="*/ 2556 w 17860"/>
              <a:gd name="connsiteY2" fmla="*/ 9830 h 21615"/>
              <a:gd name="connsiteX3" fmla="*/ 0 w 17860"/>
              <a:gd name="connsiteY3" fmla="*/ 10800 h 21615"/>
              <a:gd name="connsiteX4" fmla="*/ 2556 w 17860"/>
              <a:gd name="connsiteY4" fmla="*/ 11770 h 21615"/>
              <a:gd name="connsiteX5" fmla="*/ 3611 w 17860"/>
              <a:gd name="connsiteY5" fmla="*/ 14016 h 21615"/>
              <a:gd name="connsiteX6" fmla="*/ 3595 w 17860"/>
              <a:gd name="connsiteY6" fmla="*/ 21615 h 21615"/>
              <a:gd name="connsiteX7" fmla="*/ 17860 w 17860"/>
              <a:gd name="connsiteY7" fmla="*/ 21615 h 21615"/>
              <a:gd name="connsiteX8" fmla="*/ 17779 w 17860"/>
              <a:gd name="connsiteY8" fmla="*/ 0 h 21615"/>
              <a:gd name="connsiteX9" fmla="*/ 3611 w 17860"/>
              <a:gd name="connsiteY9" fmla="*/ 0 h 21615"/>
              <a:gd name="connsiteX0" fmla="*/ 3611 w 17860"/>
              <a:gd name="connsiteY0" fmla="*/ 0 h 21615"/>
              <a:gd name="connsiteX1" fmla="*/ 3611 w 17860"/>
              <a:gd name="connsiteY1" fmla="*/ 7584 h 21615"/>
              <a:gd name="connsiteX2" fmla="*/ 2556 w 17860"/>
              <a:gd name="connsiteY2" fmla="*/ 9830 h 21615"/>
              <a:gd name="connsiteX3" fmla="*/ 0 w 17860"/>
              <a:gd name="connsiteY3" fmla="*/ 10800 h 21615"/>
              <a:gd name="connsiteX4" fmla="*/ 2556 w 17860"/>
              <a:gd name="connsiteY4" fmla="*/ 11770 h 21615"/>
              <a:gd name="connsiteX5" fmla="*/ 3611 w 17860"/>
              <a:gd name="connsiteY5" fmla="*/ 14016 h 21615"/>
              <a:gd name="connsiteX6" fmla="*/ 3595 w 17860"/>
              <a:gd name="connsiteY6" fmla="*/ 21615 h 21615"/>
              <a:gd name="connsiteX7" fmla="*/ 17860 w 17860"/>
              <a:gd name="connsiteY7" fmla="*/ 21615 h 21615"/>
              <a:gd name="connsiteX8" fmla="*/ 17860 w 17860"/>
              <a:gd name="connsiteY8" fmla="*/ 15 h 21615"/>
              <a:gd name="connsiteX9" fmla="*/ 3611 w 17860"/>
              <a:gd name="connsiteY9" fmla="*/ 0 h 21615"/>
              <a:gd name="connsiteX0" fmla="*/ 3611 w 17860"/>
              <a:gd name="connsiteY0" fmla="*/ 30 h 21645"/>
              <a:gd name="connsiteX1" fmla="*/ 3611 w 17860"/>
              <a:gd name="connsiteY1" fmla="*/ 7614 h 21645"/>
              <a:gd name="connsiteX2" fmla="*/ 2556 w 17860"/>
              <a:gd name="connsiteY2" fmla="*/ 9860 h 21645"/>
              <a:gd name="connsiteX3" fmla="*/ 0 w 17860"/>
              <a:gd name="connsiteY3" fmla="*/ 10830 h 21645"/>
              <a:gd name="connsiteX4" fmla="*/ 2556 w 17860"/>
              <a:gd name="connsiteY4" fmla="*/ 11800 h 21645"/>
              <a:gd name="connsiteX5" fmla="*/ 3611 w 17860"/>
              <a:gd name="connsiteY5" fmla="*/ 14046 h 21645"/>
              <a:gd name="connsiteX6" fmla="*/ 3595 w 17860"/>
              <a:gd name="connsiteY6" fmla="*/ 21645 h 21645"/>
              <a:gd name="connsiteX7" fmla="*/ 17860 w 17860"/>
              <a:gd name="connsiteY7" fmla="*/ 21645 h 21645"/>
              <a:gd name="connsiteX8" fmla="*/ 17860 w 17860"/>
              <a:gd name="connsiteY8" fmla="*/ 0 h 21645"/>
              <a:gd name="connsiteX9" fmla="*/ 3611 w 17860"/>
              <a:gd name="connsiteY9" fmla="*/ 30 h 21645"/>
              <a:gd name="connsiteX0" fmla="*/ 3611 w 17860"/>
              <a:gd name="connsiteY0" fmla="*/ 0 h 21660"/>
              <a:gd name="connsiteX1" fmla="*/ 3611 w 17860"/>
              <a:gd name="connsiteY1" fmla="*/ 7629 h 21660"/>
              <a:gd name="connsiteX2" fmla="*/ 2556 w 17860"/>
              <a:gd name="connsiteY2" fmla="*/ 9875 h 21660"/>
              <a:gd name="connsiteX3" fmla="*/ 0 w 17860"/>
              <a:gd name="connsiteY3" fmla="*/ 10845 h 21660"/>
              <a:gd name="connsiteX4" fmla="*/ 2556 w 17860"/>
              <a:gd name="connsiteY4" fmla="*/ 11815 h 21660"/>
              <a:gd name="connsiteX5" fmla="*/ 3611 w 17860"/>
              <a:gd name="connsiteY5" fmla="*/ 14061 h 21660"/>
              <a:gd name="connsiteX6" fmla="*/ 3595 w 17860"/>
              <a:gd name="connsiteY6" fmla="*/ 21660 h 21660"/>
              <a:gd name="connsiteX7" fmla="*/ 17860 w 17860"/>
              <a:gd name="connsiteY7" fmla="*/ 21660 h 21660"/>
              <a:gd name="connsiteX8" fmla="*/ 17860 w 17860"/>
              <a:gd name="connsiteY8" fmla="*/ 15 h 21660"/>
              <a:gd name="connsiteX9" fmla="*/ 3611 w 17860"/>
              <a:gd name="connsiteY9" fmla="*/ 0 h 2166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7860" h="21660" extrusionOk="0">
                <a:moveTo>
                  <a:pt x="3611" y="0"/>
                </a:moveTo>
                <a:lnTo>
                  <a:pt x="3611" y="7629"/>
                </a:lnTo>
                <a:cubicBezTo>
                  <a:pt x="3584" y="8505"/>
                  <a:pt x="3188" y="9297"/>
                  <a:pt x="2556" y="9875"/>
                </a:cubicBezTo>
                <a:cubicBezTo>
                  <a:pt x="1902" y="10475"/>
                  <a:pt x="998" y="10845"/>
                  <a:pt x="0" y="10845"/>
                </a:cubicBezTo>
                <a:cubicBezTo>
                  <a:pt x="998" y="10845"/>
                  <a:pt x="1902" y="11215"/>
                  <a:pt x="2556" y="11815"/>
                </a:cubicBezTo>
                <a:cubicBezTo>
                  <a:pt x="3188" y="12393"/>
                  <a:pt x="3584" y="13185"/>
                  <a:pt x="3611" y="14061"/>
                </a:cubicBezTo>
                <a:cubicBezTo>
                  <a:pt x="3606" y="16594"/>
                  <a:pt x="3600" y="19127"/>
                  <a:pt x="3595" y="21660"/>
                </a:cubicBezTo>
                <a:lnTo>
                  <a:pt x="17860" y="21660"/>
                </a:lnTo>
                <a:lnTo>
                  <a:pt x="17860" y="15"/>
                </a:lnTo>
                <a:lnTo>
                  <a:pt x="3611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0" name="Shape">
            <a:extLst>
              <a:ext uri="{FF2B5EF4-FFF2-40B4-BE49-F238E27FC236}">
                <a16:creationId xmlns:a16="http://schemas.microsoft.com/office/drawing/2014/main" id="{CCEC8E3C-F5C3-47F6-C540-E6560ED9CF44}"/>
              </a:ext>
            </a:extLst>
          </p:cNvPr>
          <p:cNvSpPr/>
          <p:nvPr userDrawn="1"/>
        </p:nvSpPr>
        <p:spPr>
          <a:xfrm>
            <a:off x="3131742" y="508457"/>
            <a:ext cx="684665" cy="68466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-2700000"/>
              <a:satOff val="-85714"/>
              <a:lumOff val="54509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1" name="Shape">
            <a:extLst>
              <a:ext uri="{FF2B5EF4-FFF2-40B4-BE49-F238E27FC236}">
                <a16:creationId xmlns:a16="http://schemas.microsoft.com/office/drawing/2014/main" id="{5E2B9398-8AEB-2DD8-2A1F-96843B61C41F}"/>
              </a:ext>
            </a:extLst>
          </p:cNvPr>
          <p:cNvSpPr/>
          <p:nvPr userDrawn="1"/>
        </p:nvSpPr>
        <p:spPr>
          <a:xfrm rot="16200000" flipH="1">
            <a:off x="-1" y="5100239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3" name="Shape">
            <a:extLst>
              <a:ext uri="{FF2B5EF4-FFF2-40B4-BE49-F238E27FC236}">
                <a16:creationId xmlns:a16="http://schemas.microsoft.com/office/drawing/2014/main" id="{3947C2D6-1A5D-38C5-61D4-7C157012DFEB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40" name="Text Placeholder 10">
            <a:extLst>
              <a:ext uri="{FF2B5EF4-FFF2-40B4-BE49-F238E27FC236}">
                <a16:creationId xmlns:a16="http://schemas.microsoft.com/office/drawing/2014/main" id="{CBECA29B-02DE-2544-83F7-30C2800B618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94176" y="4342766"/>
            <a:ext cx="3279305" cy="1722437"/>
          </a:xfrm>
        </p:spPr>
        <p:txBody>
          <a:bodyPr>
            <a:noAutofit/>
          </a:bodyPr>
          <a:lstStyle>
            <a:lvl1pPr algn="ctr">
              <a:lnSpc>
                <a:spcPct val="100000"/>
              </a:lnSpc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</a:p>
          <a:p>
            <a:pPr lvl="0"/>
            <a:endParaRPr lang="en-US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EEBACE7A-6538-4747-BB3C-406562EFB9B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67072" y="2271450"/>
            <a:ext cx="4991100" cy="393244"/>
          </a:xfrm>
        </p:spPr>
        <p:txBody>
          <a:bodyPr/>
          <a:lstStyle>
            <a:lvl1pPr>
              <a:defRPr sz="2400"/>
            </a:lvl1pPr>
            <a:lvl2pPr>
              <a:buNone/>
              <a:defRPr/>
            </a:lvl2pPr>
          </a:lstStyle>
          <a:p>
            <a:pPr lvl="0"/>
            <a:r>
              <a:rPr lang="en-US" dirty="0"/>
              <a:t>Insert subhead here</a:t>
            </a:r>
          </a:p>
        </p:txBody>
      </p:sp>
      <p:sp>
        <p:nvSpPr>
          <p:cNvPr id="39" name="Text Placeholder 33">
            <a:extLst>
              <a:ext uri="{FF2B5EF4-FFF2-40B4-BE49-F238E27FC236}">
                <a16:creationId xmlns:a16="http://schemas.microsoft.com/office/drawing/2014/main" id="{B05C2513-1A7B-864D-AE68-A3DDFDFE97B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938" y="0"/>
            <a:ext cx="4042099" cy="2312941"/>
          </a:xfrm>
        </p:spPr>
        <p:txBody>
          <a:bodyPr anchor="ctr"/>
          <a:lstStyle>
            <a:lvl1pPr algn="ctr">
              <a:defRPr sz="16700" b="1" i="0">
                <a:solidFill>
                  <a:schemeClr val="bg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49" name="Text Placeholder 48">
            <a:extLst>
              <a:ext uri="{FF2B5EF4-FFF2-40B4-BE49-F238E27FC236}">
                <a16:creationId xmlns:a16="http://schemas.microsoft.com/office/drawing/2014/main" id="{CD8F71DA-A05F-4349-970E-2DFEC228BB2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167071" y="2951163"/>
            <a:ext cx="6008016" cy="3477515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  <p:sp>
        <p:nvSpPr>
          <p:cNvPr id="52" name="Text Placeholder 50">
            <a:extLst>
              <a:ext uri="{FF2B5EF4-FFF2-40B4-BE49-F238E27FC236}">
                <a16:creationId xmlns:a16="http://schemas.microsoft.com/office/drawing/2014/main" id="{78920C8B-83B2-DA43-B11E-CC66E364C653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3838" y="2832914"/>
            <a:ext cx="4041775" cy="903287"/>
          </a:xfrm>
        </p:spPr>
        <p:txBody>
          <a:bodyPr>
            <a:noAutofit/>
          </a:bodyPr>
          <a:lstStyle>
            <a:lvl1pPr algn="ctr">
              <a:lnSpc>
                <a:spcPct val="100000"/>
              </a:lnSpc>
              <a:defRPr sz="2400" b="1" i="0">
                <a:solidFill>
                  <a:schemeClr val="accent2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Lorem Ipsum</a:t>
            </a:r>
            <a:br>
              <a:rPr lang="en-US" dirty="0"/>
            </a:br>
            <a:r>
              <a:rPr lang="en-US" dirty="0"/>
              <a:t>title here</a:t>
            </a:r>
          </a:p>
        </p:txBody>
      </p:sp>
    </p:spTree>
    <p:extLst>
      <p:ext uri="{BB962C8B-B14F-4D97-AF65-F5344CB8AC3E}">
        <p14:creationId xmlns:p14="http://schemas.microsoft.com/office/powerpoint/2010/main" val="69530389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hape">
            <a:extLst>
              <a:ext uri="{FF2B5EF4-FFF2-40B4-BE49-F238E27FC236}">
                <a16:creationId xmlns:a16="http://schemas.microsoft.com/office/drawing/2014/main" id="{058181C7-262B-2970-7ABF-9EC37E68DF57}"/>
              </a:ext>
            </a:extLst>
          </p:cNvPr>
          <p:cNvSpPr/>
          <p:nvPr userDrawn="1"/>
        </p:nvSpPr>
        <p:spPr>
          <a:xfrm flipH="1">
            <a:off x="-22283" y="-11430"/>
            <a:ext cx="5198354" cy="6881179"/>
          </a:xfrm>
          <a:custGeom>
            <a:avLst/>
            <a:gdLst>
              <a:gd name="connsiteX0" fmla="*/ 3611 w 21600"/>
              <a:gd name="connsiteY0" fmla="*/ 0 h 21600"/>
              <a:gd name="connsiteX1" fmla="*/ 3611 w 21600"/>
              <a:gd name="connsiteY1" fmla="*/ 7584 h 21600"/>
              <a:gd name="connsiteX2" fmla="*/ 2556 w 21600"/>
              <a:gd name="connsiteY2" fmla="*/ 9830 h 21600"/>
              <a:gd name="connsiteX3" fmla="*/ 0 w 21600"/>
              <a:gd name="connsiteY3" fmla="*/ 10800 h 21600"/>
              <a:gd name="connsiteX4" fmla="*/ 2556 w 21600"/>
              <a:gd name="connsiteY4" fmla="*/ 11770 h 21600"/>
              <a:gd name="connsiteX5" fmla="*/ 3611 w 21600"/>
              <a:gd name="connsiteY5" fmla="*/ 14016 h 21600"/>
              <a:gd name="connsiteX6" fmla="*/ 3611 w 21600"/>
              <a:gd name="connsiteY6" fmla="*/ 21600 h 21600"/>
              <a:gd name="connsiteX7" fmla="*/ 21600 w 21600"/>
              <a:gd name="connsiteY7" fmla="*/ 21600 h 21600"/>
              <a:gd name="connsiteX8" fmla="*/ 17659 w 21600"/>
              <a:gd name="connsiteY8" fmla="*/ 0 h 21600"/>
              <a:gd name="connsiteX9" fmla="*/ 3611 w 21600"/>
              <a:gd name="connsiteY9" fmla="*/ 0 h 21600"/>
              <a:gd name="connsiteX0" fmla="*/ 3611 w 17659"/>
              <a:gd name="connsiteY0" fmla="*/ 0 h 21600"/>
              <a:gd name="connsiteX1" fmla="*/ 3611 w 17659"/>
              <a:gd name="connsiteY1" fmla="*/ 7584 h 21600"/>
              <a:gd name="connsiteX2" fmla="*/ 2556 w 17659"/>
              <a:gd name="connsiteY2" fmla="*/ 9830 h 21600"/>
              <a:gd name="connsiteX3" fmla="*/ 0 w 17659"/>
              <a:gd name="connsiteY3" fmla="*/ 10800 h 21600"/>
              <a:gd name="connsiteX4" fmla="*/ 2556 w 17659"/>
              <a:gd name="connsiteY4" fmla="*/ 11770 h 21600"/>
              <a:gd name="connsiteX5" fmla="*/ 3611 w 17659"/>
              <a:gd name="connsiteY5" fmla="*/ 14016 h 21600"/>
              <a:gd name="connsiteX6" fmla="*/ 3611 w 17659"/>
              <a:gd name="connsiteY6" fmla="*/ 21600 h 21600"/>
              <a:gd name="connsiteX7" fmla="*/ 14674 w 17659"/>
              <a:gd name="connsiteY7" fmla="*/ 21090 h 21600"/>
              <a:gd name="connsiteX8" fmla="*/ 17659 w 17659"/>
              <a:gd name="connsiteY8" fmla="*/ 0 h 21600"/>
              <a:gd name="connsiteX9" fmla="*/ 3611 w 17659"/>
              <a:gd name="connsiteY9" fmla="*/ 0 h 21600"/>
              <a:gd name="connsiteX0" fmla="*/ 3611 w 17858"/>
              <a:gd name="connsiteY0" fmla="*/ 0 h 21637"/>
              <a:gd name="connsiteX1" fmla="*/ 3611 w 17858"/>
              <a:gd name="connsiteY1" fmla="*/ 7584 h 21637"/>
              <a:gd name="connsiteX2" fmla="*/ 2556 w 17858"/>
              <a:gd name="connsiteY2" fmla="*/ 9830 h 21637"/>
              <a:gd name="connsiteX3" fmla="*/ 0 w 17858"/>
              <a:gd name="connsiteY3" fmla="*/ 10800 h 21637"/>
              <a:gd name="connsiteX4" fmla="*/ 2556 w 17858"/>
              <a:gd name="connsiteY4" fmla="*/ 11770 h 21637"/>
              <a:gd name="connsiteX5" fmla="*/ 3611 w 17858"/>
              <a:gd name="connsiteY5" fmla="*/ 14016 h 21637"/>
              <a:gd name="connsiteX6" fmla="*/ 3611 w 17858"/>
              <a:gd name="connsiteY6" fmla="*/ 21600 h 21637"/>
              <a:gd name="connsiteX7" fmla="*/ 17858 w 17858"/>
              <a:gd name="connsiteY7" fmla="*/ 21637 h 21637"/>
              <a:gd name="connsiteX8" fmla="*/ 17659 w 17858"/>
              <a:gd name="connsiteY8" fmla="*/ 0 h 21637"/>
              <a:gd name="connsiteX9" fmla="*/ 3611 w 17858"/>
              <a:gd name="connsiteY9" fmla="*/ 0 h 21637"/>
              <a:gd name="connsiteX0" fmla="*/ 3611 w 17877"/>
              <a:gd name="connsiteY0" fmla="*/ 36 h 21673"/>
              <a:gd name="connsiteX1" fmla="*/ 3611 w 17877"/>
              <a:gd name="connsiteY1" fmla="*/ 7620 h 21673"/>
              <a:gd name="connsiteX2" fmla="*/ 2556 w 17877"/>
              <a:gd name="connsiteY2" fmla="*/ 9866 h 21673"/>
              <a:gd name="connsiteX3" fmla="*/ 0 w 17877"/>
              <a:gd name="connsiteY3" fmla="*/ 10836 h 21673"/>
              <a:gd name="connsiteX4" fmla="*/ 2556 w 17877"/>
              <a:gd name="connsiteY4" fmla="*/ 11806 h 21673"/>
              <a:gd name="connsiteX5" fmla="*/ 3611 w 17877"/>
              <a:gd name="connsiteY5" fmla="*/ 14052 h 21673"/>
              <a:gd name="connsiteX6" fmla="*/ 3611 w 17877"/>
              <a:gd name="connsiteY6" fmla="*/ 21636 h 21673"/>
              <a:gd name="connsiteX7" fmla="*/ 17858 w 17877"/>
              <a:gd name="connsiteY7" fmla="*/ 21673 h 21673"/>
              <a:gd name="connsiteX8" fmla="*/ 17858 w 17877"/>
              <a:gd name="connsiteY8" fmla="*/ 0 h 21673"/>
              <a:gd name="connsiteX9" fmla="*/ 3611 w 17877"/>
              <a:gd name="connsiteY9" fmla="*/ 36 h 216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7877" h="21673" extrusionOk="0">
                <a:moveTo>
                  <a:pt x="3611" y="36"/>
                </a:moveTo>
                <a:lnTo>
                  <a:pt x="3611" y="7620"/>
                </a:lnTo>
                <a:cubicBezTo>
                  <a:pt x="3584" y="8496"/>
                  <a:pt x="3188" y="9288"/>
                  <a:pt x="2556" y="9866"/>
                </a:cubicBezTo>
                <a:cubicBezTo>
                  <a:pt x="1902" y="10466"/>
                  <a:pt x="998" y="10836"/>
                  <a:pt x="0" y="10836"/>
                </a:cubicBezTo>
                <a:cubicBezTo>
                  <a:pt x="998" y="10836"/>
                  <a:pt x="1902" y="11206"/>
                  <a:pt x="2556" y="11806"/>
                </a:cubicBezTo>
                <a:cubicBezTo>
                  <a:pt x="3188" y="12384"/>
                  <a:pt x="3584" y="13176"/>
                  <a:pt x="3611" y="14052"/>
                </a:cubicBezTo>
                <a:lnTo>
                  <a:pt x="3611" y="21636"/>
                </a:lnTo>
                <a:lnTo>
                  <a:pt x="17858" y="21673"/>
                </a:lnTo>
                <a:cubicBezTo>
                  <a:pt x="17792" y="14461"/>
                  <a:pt x="17924" y="7212"/>
                  <a:pt x="17858" y="0"/>
                </a:cubicBezTo>
                <a:lnTo>
                  <a:pt x="3611" y="36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grpSp>
        <p:nvGrpSpPr>
          <p:cNvPr id="10" name="Group">
            <a:extLst>
              <a:ext uri="{FF2B5EF4-FFF2-40B4-BE49-F238E27FC236}">
                <a16:creationId xmlns:a16="http://schemas.microsoft.com/office/drawing/2014/main" id="{F3DE7DB1-CD31-E7D8-1B77-EEA6700AFDD2}"/>
              </a:ext>
            </a:extLst>
          </p:cNvPr>
          <p:cNvGrpSpPr/>
          <p:nvPr userDrawn="1"/>
        </p:nvGrpSpPr>
        <p:grpSpPr>
          <a:xfrm>
            <a:off x="4134843" y="0"/>
            <a:ext cx="8057158" cy="2014290"/>
            <a:chOff x="0" y="0"/>
            <a:chExt cx="8057157" cy="2014289"/>
          </a:xfrm>
        </p:grpSpPr>
        <p:grpSp>
          <p:nvGrpSpPr>
            <p:cNvPr id="11" name="Group">
              <a:extLst>
                <a:ext uri="{FF2B5EF4-FFF2-40B4-BE49-F238E27FC236}">
                  <a16:creationId xmlns:a16="http://schemas.microsoft.com/office/drawing/2014/main" id="{F13EC118-92C9-8F57-2196-A98E190F24EB}"/>
                </a:ext>
              </a:extLst>
            </p:cNvPr>
            <p:cNvGrpSpPr/>
            <p:nvPr/>
          </p:nvGrpSpPr>
          <p:grpSpPr>
            <a:xfrm>
              <a:off x="4028578" y="0"/>
              <a:ext cx="4028580" cy="2014290"/>
              <a:chOff x="0" y="0"/>
              <a:chExt cx="4028578" cy="2014289"/>
            </a:xfrm>
          </p:grpSpPr>
          <p:sp>
            <p:nvSpPr>
              <p:cNvPr id="21" name="Shape">
                <a:extLst>
                  <a:ext uri="{FF2B5EF4-FFF2-40B4-BE49-F238E27FC236}">
                    <a16:creationId xmlns:a16="http://schemas.microsoft.com/office/drawing/2014/main" id="{D6E4D0FD-F6B6-EE2E-8E7B-E36814106CDF}"/>
                  </a:ext>
                </a:extLst>
              </p:cNvPr>
              <p:cNvSpPr/>
              <p:nvPr/>
            </p:nvSpPr>
            <p:spPr>
              <a:xfrm>
                <a:off x="3021433" y="0"/>
                <a:ext cx="1007146" cy="100714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2" name="Shape">
                <a:extLst>
                  <a:ext uri="{FF2B5EF4-FFF2-40B4-BE49-F238E27FC236}">
                    <a16:creationId xmlns:a16="http://schemas.microsoft.com/office/drawing/2014/main" id="{45671B7E-B26E-9949-4BB9-CC9A71EB8ECA}"/>
                  </a:ext>
                </a:extLst>
              </p:cNvPr>
              <p:cNvSpPr/>
              <p:nvPr/>
            </p:nvSpPr>
            <p:spPr>
              <a:xfrm>
                <a:off x="2014289" y="0"/>
                <a:ext cx="1007146" cy="100714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3" name="Shape">
                <a:extLst>
                  <a:ext uri="{FF2B5EF4-FFF2-40B4-BE49-F238E27FC236}">
                    <a16:creationId xmlns:a16="http://schemas.microsoft.com/office/drawing/2014/main" id="{8325288B-D825-136B-CE4E-80181024969D}"/>
                  </a:ext>
                </a:extLst>
              </p:cNvPr>
              <p:cNvSpPr/>
              <p:nvPr/>
            </p:nvSpPr>
            <p:spPr>
              <a:xfrm>
                <a:off x="1007144" y="0"/>
                <a:ext cx="1007146" cy="100714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4" name="Shape">
                <a:extLst>
                  <a:ext uri="{FF2B5EF4-FFF2-40B4-BE49-F238E27FC236}">
                    <a16:creationId xmlns:a16="http://schemas.microsoft.com/office/drawing/2014/main" id="{83F0912F-8B29-7461-4FC8-7BEBBD623C8F}"/>
                  </a:ext>
                </a:extLst>
              </p:cNvPr>
              <p:cNvSpPr/>
              <p:nvPr/>
            </p:nvSpPr>
            <p:spPr>
              <a:xfrm>
                <a:off x="0" y="0"/>
                <a:ext cx="1007145" cy="100714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5" name="Shape">
                <a:extLst>
                  <a:ext uri="{FF2B5EF4-FFF2-40B4-BE49-F238E27FC236}">
                    <a16:creationId xmlns:a16="http://schemas.microsoft.com/office/drawing/2014/main" id="{2B38E95B-1FA2-4C9E-C28C-D2F40215E261}"/>
                  </a:ext>
                </a:extLst>
              </p:cNvPr>
              <p:cNvSpPr/>
              <p:nvPr/>
            </p:nvSpPr>
            <p:spPr>
              <a:xfrm>
                <a:off x="3021433" y="1007144"/>
                <a:ext cx="1007146" cy="1007146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6" name="Shape">
                <a:extLst>
                  <a:ext uri="{FF2B5EF4-FFF2-40B4-BE49-F238E27FC236}">
                    <a16:creationId xmlns:a16="http://schemas.microsoft.com/office/drawing/2014/main" id="{3073E8FE-C104-B3D1-9B83-B25CD9F69715}"/>
                  </a:ext>
                </a:extLst>
              </p:cNvPr>
              <p:cNvSpPr/>
              <p:nvPr/>
            </p:nvSpPr>
            <p:spPr>
              <a:xfrm>
                <a:off x="2014289" y="1007144"/>
                <a:ext cx="1007146" cy="1007146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7" name="Shape">
                <a:extLst>
                  <a:ext uri="{FF2B5EF4-FFF2-40B4-BE49-F238E27FC236}">
                    <a16:creationId xmlns:a16="http://schemas.microsoft.com/office/drawing/2014/main" id="{E3F3B762-ACDF-C31D-5D58-40B6BE598557}"/>
                  </a:ext>
                </a:extLst>
              </p:cNvPr>
              <p:cNvSpPr/>
              <p:nvPr/>
            </p:nvSpPr>
            <p:spPr>
              <a:xfrm>
                <a:off x="1007144" y="1007144"/>
                <a:ext cx="1007146" cy="1007146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8" name="Shape">
                <a:extLst>
                  <a:ext uri="{FF2B5EF4-FFF2-40B4-BE49-F238E27FC236}">
                    <a16:creationId xmlns:a16="http://schemas.microsoft.com/office/drawing/2014/main" id="{6CB0BF7B-CF00-BACF-9298-ACCD65B91E4C}"/>
                  </a:ext>
                </a:extLst>
              </p:cNvPr>
              <p:cNvSpPr/>
              <p:nvPr/>
            </p:nvSpPr>
            <p:spPr>
              <a:xfrm>
                <a:off x="0" y="1007144"/>
                <a:ext cx="1007145" cy="1007146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</p:grpSp>
        <p:grpSp>
          <p:nvGrpSpPr>
            <p:cNvPr id="12" name="Group">
              <a:extLst>
                <a:ext uri="{FF2B5EF4-FFF2-40B4-BE49-F238E27FC236}">
                  <a16:creationId xmlns:a16="http://schemas.microsoft.com/office/drawing/2014/main" id="{C7D230E5-E8ED-F3D5-EF5F-CCF09F66C8D6}"/>
                </a:ext>
              </a:extLst>
            </p:cNvPr>
            <p:cNvGrpSpPr/>
            <p:nvPr/>
          </p:nvGrpSpPr>
          <p:grpSpPr>
            <a:xfrm>
              <a:off x="0" y="0"/>
              <a:ext cx="4028579" cy="2014290"/>
              <a:chOff x="0" y="0"/>
              <a:chExt cx="4028578" cy="2014289"/>
            </a:xfrm>
          </p:grpSpPr>
          <p:sp>
            <p:nvSpPr>
              <p:cNvPr id="13" name="Shape">
                <a:extLst>
                  <a:ext uri="{FF2B5EF4-FFF2-40B4-BE49-F238E27FC236}">
                    <a16:creationId xmlns:a16="http://schemas.microsoft.com/office/drawing/2014/main" id="{D0502C11-9AE4-0F40-4EA4-D563CBCF8F3D}"/>
                  </a:ext>
                </a:extLst>
              </p:cNvPr>
              <p:cNvSpPr/>
              <p:nvPr/>
            </p:nvSpPr>
            <p:spPr>
              <a:xfrm>
                <a:off x="3021433" y="0"/>
                <a:ext cx="1007146" cy="100714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4" name="Shape">
                <a:extLst>
                  <a:ext uri="{FF2B5EF4-FFF2-40B4-BE49-F238E27FC236}">
                    <a16:creationId xmlns:a16="http://schemas.microsoft.com/office/drawing/2014/main" id="{2081D5C6-CD2B-CDDD-B0FC-21567AF9B711}"/>
                  </a:ext>
                </a:extLst>
              </p:cNvPr>
              <p:cNvSpPr/>
              <p:nvPr/>
            </p:nvSpPr>
            <p:spPr>
              <a:xfrm>
                <a:off x="2014289" y="0"/>
                <a:ext cx="1007146" cy="100714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5" name="Shape">
                <a:extLst>
                  <a:ext uri="{FF2B5EF4-FFF2-40B4-BE49-F238E27FC236}">
                    <a16:creationId xmlns:a16="http://schemas.microsoft.com/office/drawing/2014/main" id="{FA754CD0-EA73-93A4-7705-CAC1E45EF9BC}"/>
                  </a:ext>
                </a:extLst>
              </p:cNvPr>
              <p:cNvSpPr/>
              <p:nvPr/>
            </p:nvSpPr>
            <p:spPr>
              <a:xfrm>
                <a:off x="1007144" y="0"/>
                <a:ext cx="1007146" cy="100714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6" name="Shape">
                <a:extLst>
                  <a:ext uri="{FF2B5EF4-FFF2-40B4-BE49-F238E27FC236}">
                    <a16:creationId xmlns:a16="http://schemas.microsoft.com/office/drawing/2014/main" id="{C4A086DE-EE9A-B317-69B5-203091EA7EA5}"/>
                  </a:ext>
                </a:extLst>
              </p:cNvPr>
              <p:cNvSpPr/>
              <p:nvPr/>
            </p:nvSpPr>
            <p:spPr>
              <a:xfrm>
                <a:off x="0" y="0"/>
                <a:ext cx="1007145" cy="100714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7" name="Shape">
                <a:extLst>
                  <a:ext uri="{FF2B5EF4-FFF2-40B4-BE49-F238E27FC236}">
                    <a16:creationId xmlns:a16="http://schemas.microsoft.com/office/drawing/2014/main" id="{30189B47-F292-B87F-A032-7D4C62DDB252}"/>
                  </a:ext>
                </a:extLst>
              </p:cNvPr>
              <p:cNvSpPr/>
              <p:nvPr/>
            </p:nvSpPr>
            <p:spPr>
              <a:xfrm>
                <a:off x="3021433" y="1007144"/>
                <a:ext cx="1007146" cy="1007146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8" name="Shape">
                <a:extLst>
                  <a:ext uri="{FF2B5EF4-FFF2-40B4-BE49-F238E27FC236}">
                    <a16:creationId xmlns:a16="http://schemas.microsoft.com/office/drawing/2014/main" id="{A2BCA377-D581-7D14-1F7F-428FE61DD149}"/>
                  </a:ext>
                </a:extLst>
              </p:cNvPr>
              <p:cNvSpPr/>
              <p:nvPr/>
            </p:nvSpPr>
            <p:spPr>
              <a:xfrm>
                <a:off x="2014289" y="1007144"/>
                <a:ext cx="1007146" cy="1007146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9" name="Shape">
                <a:extLst>
                  <a:ext uri="{FF2B5EF4-FFF2-40B4-BE49-F238E27FC236}">
                    <a16:creationId xmlns:a16="http://schemas.microsoft.com/office/drawing/2014/main" id="{5B99F5EF-DB39-9ED1-0991-323F0F7E7F10}"/>
                  </a:ext>
                </a:extLst>
              </p:cNvPr>
              <p:cNvSpPr/>
              <p:nvPr/>
            </p:nvSpPr>
            <p:spPr>
              <a:xfrm>
                <a:off x="1007144" y="1007144"/>
                <a:ext cx="1007146" cy="1007146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0" name="Shape">
                <a:extLst>
                  <a:ext uri="{FF2B5EF4-FFF2-40B4-BE49-F238E27FC236}">
                    <a16:creationId xmlns:a16="http://schemas.microsoft.com/office/drawing/2014/main" id="{711E1BA4-4C0F-F5D9-7CE8-88E67D3FBF54}"/>
                  </a:ext>
                </a:extLst>
              </p:cNvPr>
              <p:cNvSpPr/>
              <p:nvPr/>
            </p:nvSpPr>
            <p:spPr>
              <a:xfrm>
                <a:off x="0" y="1007144"/>
                <a:ext cx="1007145" cy="1007146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21600" y="0"/>
                    </a:lnTo>
                    <a:lnTo>
                      <a:pt x="21600" y="21600"/>
                    </a:lnTo>
                    <a:cubicBezTo>
                      <a:pt x="15634" y="21600"/>
                      <a:pt x="10225" y="19183"/>
                      <a:pt x="6330" y="15270"/>
                    </a:cubicBezTo>
                    <a:cubicBezTo>
                      <a:pt x="2417" y="11375"/>
                      <a:pt x="0" y="5966"/>
                      <a:pt x="0" y="0"/>
                    </a:cubicBez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38100" tIns="38100" rIns="38100" bIns="38100" numCol="1" anchor="ctr">
                <a:noAutofit/>
              </a:bodyPr>
              <a:lstStyle/>
              <a:p>
                <a:pPr algn="ctr" defTabSz="457200">
                  <a:defRPr sz="3000">
                    <a:solidFill>
                      <a:srgbClr val="FFFFFF"/>
                    </a:solidFill>
                    <a:effectLst>
                      <a:outerShdw blurRad="38100" dist="12700" dir="5400000" rotWithShape="0">
                        <a:srgbClr val="000000">
                          <a:alpha val="50000"/>
                        </a:srgbClr>
                      </a:outerShdw>
                    </a:effectLst>
                    <a:latin typeface="Gill Sans"/>
                    <a:ea typeface="Gill Sans"/>
                    <a:cs typeface="Gill Sans"/>
                    <a:sym typeface="Gill Sans"/>
                  </a:defRPr>
                </a:pPr>
                <a:endParaRPr b="0" i="0" dirty="0">
                  <a:latin typeface="PolySans Slim" pitchFamily="2" charset="77"/>
                </a:endParaRPr>
              </a:p>
            </p:txBody>
          </p:sp>
        </p:grpSp>
      </p:grpSp>
      <p:sp>
        <p:nvSpPr>
          <p:cNvPr id="29" name="Shape">
            <a:extLst>
              <a:ext uri="{FF2B5EF4-FFF2-40B4-BE49-F238E27FC236}">
                <a16:creationId xmlns:a16="http://schemas.microsoft.com/office/drawing/2014/main" id="{D53E38B2-2F96-681B-B3D3-B61D19FC7727}"/>
              </a:ext>
            </a:extLst>
          </p:cNvPr>
          <p:cNvSpPr/>
          <p:nvPr userDrawn="1"/>
        </p:nvSpPr>
        <p:spPr>
          <a:xfrm>
            <a:off x="3131742" y="503573"/>
            <a:ext cx="684665" cy="68466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0" name="Shape">
            <a:extLst>
              <a:ext uri="{FF2B5EF4-FFF2-40B4-BE49-F238E27FC236}">
                <a16:creationId xmlns:a16="http://schemas.microsoft.com/office/drawing/2014/main" id="{92AC8A73-1AFD-9E55-0128-CD56C8E3484F}"/>
              </a:ext>
            </a:extLst>
          </p:cNvPr>
          <p:cNvSpPr/>
          <p:nvPr userDrawn="1"/>
        </p:nvSpPr>
        <p:spPr>
          <a:xfrm rot="16200000" flipH="1">
            <a:off x="-18832" y="5101634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2" name="Shape">
            <a:extLst>
              <a:ext uri="{FF2B5EF4-FFF2-40B4-BE49-F238E27FC236}">
                <a16:creationId xmlns:a16="http://schemas.microsoft.com/office/drawing/2014/main" id="{0C2D99CB-CC78-4A01-C88E-0622D6DFD5C1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9" name="Text Placeholder 33">
            <a:extLst>
              <a:ext uri="{FF2B5EF4-FFF2-40B4-BE49-F238E27FC236}">
                <a16:creationId xmlns:a16="http://schemas.microsoft.com/office/drawing/2014/main" id="{4089D937-EEC1-AA4D-950A-0E16515ADE9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938" y="0"/>
            <a:ext cx="4042099" cy="2312941"/>
          </a:xfrm>
        </p:spPr>
        <p:txBody>
          <a:bodyPr anchor="ctr"/>
          <a:lstStyle>
            <a:lvl1pPr algn="ctr">
              <a:defRPr sz="16700" b="1" i="0">
                <a:solidFill>
                  <a:schemeClr val="tx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31" name="Text Placeholder 10">
            <a:extLst>
              <a:ext uri="{FF2B5EF4-FFF2-40B4-BE49-F238E27FC236}">
                <a16:creationId xmlns:a16="http://schemas.microsoft.com/office/drawing/2014/main" id="{5995FC33-965E-6E4C-87FB-1F52AE27E2B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94176" y="4342766"/>
            <a:ext cx="3279305" cy="1722437"/>
          </a:xfrm>
        </p:spPr>
        <p:txBody>
          <a:bodyPr>
            <a:noAutofit/>
          </a:bodyPr>
          <a:lstStyle>
            <a:lvl1pPr algn="ctr">
              <a:lnSpc>
                <a:spcPct val="100000"/>
              </a:lnSpc>
              <a:defRPr sz="12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</a:p>
          <a:p>
            <a:pPr lvl="0"/>
            <a:endParaRPr lang="en-US" dirty="0"/>
          </a:p>
        </p:txBody>
      </p:sp>
      <p:sp>
        <p:nvSpPr>
          <p:cNvPr id="35" name="Text Placeholder 22">
            <a:extLst>
              <a:ext uri="{FF2B5EF4-FFF2-40B4-BE49-F238E27FC236}">
                <a16:creationId xmlns:a16="http://schemas.microsoft.com/office/drawing/2014/main" id="{29ADC50A-2B7B-C343-AEE6-7EAEFB3B60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67072" y="2271450"/>
            <a:ext cx="4991100" cy="393244"/>
          </a:xfrm>
        </p:spPr>
        <p:txBody>
          <a:bodyPr/>
          <a:lstStyle>
            <a:lvl1pPr>
              <a:defRPr sz="2400"/>
            </a:lvl1pPr>
            <a:lvl2pPr>
              <a:buNone/>
              <a:defRPr/>
            </a:lvl2pPr>
          </a:lstStyle>
          <a:p>
            <a:pPr lvl="0"/>
            <a:r>
              <a:rPr lang="en-US" dirty="0"/>
              <a:t>Insert subhead here</a:t>
            </a:r>
          </a:p>
        </p:txBody>
      </p:sp>
      <p:sp>
        <p:nvSpPr>
          <p:cNvPr id="36" name="Text Placeholder 48">
            <a:extLst>
              <a:ext uri="{FF2B5EF4-FFF2-40B4-BE49-F238E27FC236}">
                <a16:creationId xmlns:a16="http://schemas.microsoft.com/office/drawing/2014/main" id="{42309AE7-CEC8-924B-9769-FF75B77DA9A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167070" y="2951163"/>
            <a:ext cx="6017785" cy="3477515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  <p:sp>
        <p:nvSpPr>
          <p:cNvPr id="37" name="Text Placeholder 50">
            <a:extLst>
              <a:ext uri="{FF2B5EF4-FFF2-40B4-BE49-F238E27FC236}">
                <a16:creationId xmlns:a16="http://schemas.microsoft.com/office/drawing/2014/main" id="{2AA093FE-0AED-3143-AE87-E2BBA3C5928F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3838" y="2832914"/>
            <a:ext cx="4041775" cy="903287"/>
          </a:xfrm>
        </p:spPr>
        <p:txBody>
          <a:bodyPr/>
          <a:lstStyle>
            <a:lvl1pPr algn="ctr">
              <a:lnSpc>
                <a:spcPct val="100000"/>
              </a:lnSpc>
              <a:defRPr sz="2400" b="1" i="0">
                <a:solidFill>
                  <a:schemeClr val="tx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Lorem Ipsum</a:t>
            </a:r>
            <a:br>
              <a:rPr lang="en-US" dirty="0"/>
            </a:br>
            <a:r>
              <a:rPr lang="en-US" dirty="0"/>
              <a:t>title here</a:t>
            </a:r>
          </a:p>
        </p:txBody>
      </p:sp>
    </p:spTree>
    <p:extLst>
      <p:ext uri="{BB962C8B-B14F-4D97-AF65-F5344CB8AC3E}">
        <p14:creationId xmlns:p14="http://schemas.microsoft.com/office/powerpoint/2010/main" val="134160745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4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">
            <a:extLst>
              <a:ext uri="{FF2B5EF4-FFF2-40B4-BE49-F238E27FC236}">
                <a16:creationId xmlns:a16="http://schemas.microsoft.com/office/drawing/2014/main" id="{95E0DF73-53FE-0386-C22A-BB7A79CB75B9}"/>
              </a:ext>
            </a:extLst>
          </p:cNvPr>
          <p:cNvGrpSpPr/>
          <p:nvPr userDrawn="1"/>
        </p:nvGrpSpPr>
        <p:grpSpPr>
          <a:xfrm>
            <a:off x="4061586" y="0"/>
            <a:ext cx="8130415" cy="2033829"/>
            <a:chOff x="0" y="0"/>
            <a:chExt cx="8130413" cy="2033828"/>
          </a:xfrm>
        </p:grpSpPr>
        <p:grpSp>
          <p:nvGrpSpPr>
            <p:cNvPr id="4" name="Group">
              <a:extLst>
                <a:ext uri="{FF2B5EF4-FFF2-40B4-BE49-F238E27FC236}">
                  <a16:creationId xmlns:a16="http://schemas.microsoft.com/office/drawing/2014/main" id="{DA7A5FB2-C3A0-E660-D51C-83026DD425BA}"/>
                </a:ext>
              </a:extLst>
            </p:cNvPr>
            <p:cNvGrpSpPr/>
            <p:nvPr/>
          </p:nvGrpSpPr>
          <p:grpSpPr>
            <a:xfrm>
              <a:off x="4065206" y="0"/>
              <a:ext cx="4065208" cy="2033829"/>
              <a:chOff x="0" y="0"/>
              <a:chExt cx="4065206" cy="2033828"/>
            </a:xfrm>
          </p:grpSpPr>
          <p:sp>
            <p:nvSpPr>
              <p:cNvPr id="14" name="Triangle">
                <a:extLst>
                  <a:ext uri="{FF2B5EF4-FFF2-40B4-BE49-F238E27FC236}">
                    <a16:creationId xmlns:a16="http://schemas.microsoft.com/office/drawing/2014/main" id="{5113CDD5-0F99-A9C4-0912-C31CCB2392A8}"/>
                  </a:ext>
                </a:extLst>
              </p:cNvPr>
              <p:cNvSpPr/>
              <p:nvPr/>
            </p:nvSpPr>
            <p:spPr>
              <a:xfrm rot="10800000">
                <a:off x="3048292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5" name="Triangle">
                <a:extLst>
                  <a:ext uri="{FF2B5EF4-FFF2-40B4-BE49-F238E27FC236}">
                    <a16:creationId xmlns:a16="http://schemas.microsoft.com/office/drawing/2014/main" id="{2FBF642C-99E7-6EBC-EFF7-B67E7A93D99B}"/>
                  </a:ext>
                </a:extLst>
              </p:cNvPr>
              <p:cNvSpPr/>
              <p:nvPr/>
            </p:nvSpPr>
            <p:spPr>
              <a:xfrm rot="10800000">
                <a:off x="2031377" y="0"/>
                <a:ext cx="1016916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6" name="Triangle">
                <a:extLst>
                  <a:ext uri="{FF2B5EF4-FFF2-40B4-BE49-F238E27FC236}">
                    <a16:creationId xmlns:a16="http://schemas.microsoft.com/office/drawing/2014/main" id="{C0B2E5B5-0EFB-9A67-4AC7-0F11CD0162E3}"/>
                  </a:ext>
                </a:extLst>
              </p:cNvPr>
              <p:cNvSpPr/>
              <p:nvPr/>
            </p:nvSpPr>
            <p:spPr>
              <a:xfrm rot="10800000">
                <a:off x="1016914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7" name="Triangle">
                <a:extLst>
                  <a:ext uri="{FF2B5EF4-FFF2-40B4-BE49-F238E27FC236}">
                    <a16:creationId xmlns:a16="http://schemas.microsoft.com/office/drawing/2014/main" id="{7C70BD39-4FCF-4835-C916-6985809D9680}"/>
                  </a:ext>
                </a:extLst>
              </p:cNvPr>
              <p:cNvSpPr/>
              <p:nvPr/>
            </p:nvSpPr>
            <p:spPr>
              <a:xfrm rot="10800000">
                <a:off x="0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8" name="Triangle">
                <a:extLst>
                  <a:ext uri="{FF2B5EF4-FFF2-40B4-BE49-F238E27FC236}">
                    <a16:creationId xmlns:a16="http://schemas.microsoft.com/office/drawing/2014/main" id="{D6C0E87E-ECC5-1109-F227-44146BC39163}"/>
                  </a:ext>
                </a:extLst>
              </p:cNvPr>
              <p:cNvSpPr/>
              <p:nvPr/>
            </p:nvSpPr>
            <p:spPr>
              <a:xfrm rot="10800000">
                <a:off x="3048292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9" name="Triangle">
                <a:extLst>
                  <a:ext uri="{FF2B5EF4-FFF2-40B4-BE49-F238E27FC236}">
                    <a16:creationId xmlns:a16="http://schemas.microsoft.com/office/drawing/2014/main" id="{14B03D0F-8E21-CEF5-3C9C-8FFF5619DC9E}"/>
                  </a:ext>
                </a:extLst>
              </p:cNvPr>
              <p:cNvSpPr/>
              <p:nvPr/>
            </p:nvSpPr>
            <p:spPr>
              <a:xfrm rot="10800000">
                <a:off x="2031377" y="1016914"/>
                <a:ext cx="1016916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0" name="Triangle">
                <a:extLst>
                  <a:ext uri="{FF2B5EF4-FFF2-40B4-BE49-F238E27FC236}">
                    <a16:creationId xmlns:a16="http://schemas.microsoft.com/office/drawing/2014/main" id="{C680DDF7-FC4B-0AFD-B2B1-9973861CBB83}"/>
                  </a:ext>
                </a:extLst>
              </p:cNvPr>
              <p:cNvSpPr/>
              <p:nvPr/>
            </p:nvSpPr>
            <p:spPr>
              <a:xfrm rot="10800000">
                <a:off x="1016914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21" name="Triangle">
                <a:extLst>
                  <a:ext uri="{FF2B5EF4-FFF2-40B4-BE49-F238E27FC236}">
                    <a16:creationId xmlns:a16="http://schemas.microsoft.com/office/drawing/2014/main" id="{6898E457-A3CE-6703-E959-9345AC36F319}"/>
                  </a:ext>
                </a:extLst>
              </p:cNvPr>
              <p:cNvSpPr/>
              <p:nvPr/>
            </p:nvSpPr>
            <p:spPr>
              <a:xfrm rot="10800000">
                <a:off x="0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</p:grpSp>
        <p:grpSp>
          <p:nvGrpSpPr>
            <p:cNvPr id="5" name="Group">
              <a:extLst>
                <a:ext uri="{FF2B5EF4-FFF2-40B4-BE49-F238E27FC236}">
                  <a16:creationId xmlns:a16="http://schemas.microsoft.com/office/drawing/2014/main" id="{7AA62171-E344-A6E2-5F38-C4D10760808E}"/>
                </a:ext>
              </a:extLst>
            </p:cNvPr>
            <p:cNvGrpSpPr/>
            <p:nvPr/>
          </p:nvGrpSpPr>
          <p:grpSpPr>
            <a:xfrm>
              <a:off x="-1" y="0"/>
              <a:ext cx="4065208" cy="2033829"/>
              <a:chOff x="0" y="0"/>
              <a:chExt cx="4065206" cy="2033828"/>
            </a:xfrm>
          </p:grpSpPr>
          <p:sp>
            <p:nvSpPr>
              <p:cNvPr id="6" name="Triangle">
                <a:extLst>
                  <a:ext uri="{FF2B5EF4-FFF2-40B4-BE49-F238E27FC236}">
                    <a16:creationId xmlns:a16="http://schemas.microsoft.com/office/drawing/2014/main" id="{79AC809A-C548-664E-40D5-7A87496ECB3E}"/>
                  </a:ext>
                </a:extLst>
              </p:cNvPr>
              <p:cNvSpPr/>
              <p:nvPr/>
            </p:nvSpPr>
            <p:spPr>
              <a:xfrm rot="10800000">
                <a:off x="3048292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7" name="Triangle">
                <a:extLst>
                  <a:ext uri="{FF2B5EF4-FFF2-40B4-BE49-F238E27FC236}">
                    <a16:creationId xmlns:a16="http://schemas.microsoft.com/office/drawing/2014/main" id="{CFD73A42-0ABB-AA8E-20DF-670FFBF3A888}"/>
                  </a:ext>
                </a:extLst>
              </p:cNvPr>
              <p:cNvSpPr/>
              <p:nvPr/>
            </p:nvSpPr>
            <p:spPr>
              <a:xfrm rot="10800000">
                <a:off x="2031377" y="0"/>
                <a:ext cx="1016916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8" name="Triangle">
                <a:extLst>
                  <a:ext uri="{FF2B5EF4-FFF2-40B4-BE49-F238E27FC236}">
                    <a16:creationId xmlns:a16="http://schemas.microsoft.com/office/drawing/2014/main" id="{B7150EBB-8CC5-356D-05BA-04480DF9D902}"/>
                  </a:ext>
                </a:extLst>
              </p:cNvPr>
              <p:cNvSpPr/>
              <p:nvPr/>
            </p:nvSpPr>
            <p:spPr>
              <a:xfrm rot="10800000">
                <a:off x="1016914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9" name="Triangle">
                <a:extLst>
                  <a:ext uri="{FF2B5EF4-FFF2-40B4-BE49-F238E27FC236}">
                    <a16:creationId xmlns:a16="http://schemas.microsoft.com/office/drawing/2014/main" id="{EE2C453C-0C43-5663-359C-BA84DE3CEF09}"/>
                  </a:ext>
                </a:extLst>
              </p:cNvPr>
              <p:cNvSpPr/>
              <p:nvPr/>
            </p:nvSpPr>
            <p:spPr>
              <a:xfrm rot="10800000">
                <a:off x="0" y="0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0" name="Triangle">
                <a:extLst>
                  <a:ext uri="{FF2B5EF4-FFF2-40B4-BE49-F238E27FC236}">
                    <a16:creationId xmlns:a16="http://schemas.microsoft.com/office/drawing/2014/main" id="{E9A67B4C-BFCF-580C-E93E-BF7D997BFC6B}"/>
                  </a:ext>
                </a:extLst>
              </p:cNvPr>
              <p:cNvSpPr/>
              <p:nvPr/>
            </p:nvSpPr>
            <p:spPr>
              <a:xfrm rot="10800000">
                <a:off x="3048292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1" name="Triangle">
                <a:extLst>
                  <a:ext uri="{FF2B5EF4-FFF2-40B4-BE49-F238E27FC236}">
                    <a16:creationId xmlns:a16="http://schemas.microsoft.com/office/drawing/2014/main" id="{97228EF2-D236-95EE-8966-A65DF4E1D3ED}"/>
                  </a:ext>
                </a:extLst>
              </p:cNvPr>
              <p:cNvSpPr/>
              <p:nvPr/>
            </p:nvSpPr>
            <p:spPr>
              <a:xfrm rot="10800000">
                <a:off x="2031377" y="1016914"/>
                <a:ext cx="1016916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2" name="Triangle">
                <a:extLst>
                  <a:ext uri="{FF2B5EF4-FFF2-40B4-BE49-F238E27FC236}">
                    <a16:creationId xmlns:a16="http://schemas.microsoft.com/office/drawing/2014/main" id="{F011118C-6722-3138-CF53-9FDC97F2A9B4}"/>
                  </a:ext>
                </a:extLst>
              </p:cNvPr>
              <p:cNvSpPr/>
              <p:nvPr/>
            </p:nvSpPr>
            <p:spPr>
              <a:xfrm rot="10800000">
                <a:off x="1016914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  <p:sp>
            <p:nvSpPr>
              <p:cNvPr id="13" name="Triangle">
                <a:extLst>
                  <a:ext uri="{FF2B5EF4-FFF2-40B4-BE49-F238E27FC236}">
                    <a16:creationId xmlns:a16="http://schemas.microsoft.com/office/drawing/2014/main" id="{86830D75-2E6C-A991-CE22-BEAB4B8E1DB0}"/>
                  </a:ext>
                </a:extLst>
              </p:cNvPr>
              <p:cNvSpPr/>
              <p:nvPr/>
            </p:nvSpPr>
            <p:spPr>
              <a:xfrm rot="10800000">
                <a:off x="0" y="1016914"/>
                <a:ext cx="1016915" cy="1016915"/>
              </a:xfrm>
              <a:custGeom>
                <a:avLst/>
                <a:gdLst/>
                <a:ahLst/>
                <a:cxnLst>
                  <a:cxn ang="0">
                    <a:pos x="wd2" y="hd2"/>
                  </a:cxn>
                  <a:cxn ang="5400000">
                    <a:pos x="wd2" y="hd2"/>
                  </a:cxn>
                  <a:cxn ang="10800000">
                    <a:pos x="wd2" y="hd2"/>
                  </a:cxn>
                  <a:cxn ang="16200000">
                    <a:pos x="wd2" y="hd2"/>
                  </a:cxn>
                </a:cxnLst>
                <a:rect l="0" t="0" r="r" b="b"/>
                <a:pathLst>
                  <a:path w="21600" h="21600" extrusionOk="0">
                    <a:moveTo>
                      <a:pt x="0" y="0"/>
                    </a:moveTo>
                    <a:lnTo>
                      <a:pt x="0" y="21600"/>
                    </a:lnTo>
                    <a:lnTo>
                      <a:pt x="21600" y="21600"/>
                    </a:lnTo>
                    <a:close/>
                  </a:path>
                </a:pathLst>
              </a:custGeom>
              <a:solidFill>
                <a:srgbClr val="FFFFFF"/>
              </a:solidFill>
              <a:ln w="12700" cap="flat">
                <a:noFill/>
                <a:miter lim="400000"/>
              </a:ln>
              <a:effectLst/>
            </p:spPr>
            <p:txBody>
              <a:bodyPr wrap="square" lIns="45719" tIns="45719" rIns="45719" bIns="45719" numCol="1" anchor="ctr">
                <a:noAutofit/>
              </a:bodyPr>
              <a:lstStyle/>
              <a:p>
                <a:endParaRPr b="0" i="0" dirty="0">
                  <a:latin typeface="PolySans Slim" pitchFamily="2" charset="77"/>
                </a:endParaRPr>
              </a:p>
            </p:txBody>
          </p:sp>
        </p:grpSp>
      </p:grpSp>
      <p:sp>
        <p:nvSpPr>
          <p:cNvPr id="22" name="Shape">
            <a:extLst>
              <a:ext uri="{FF2B5EF4-FFF2-40B4-BE49-F238E27FC236}">
                <a16:creationId xmlns:a16="http://schemas.microsoft.com/office/drawing/2014/main" id="{6A9B83C6-C830-9335-053E-E85912457D2A}"/>
              </a:ext>
            </a:extLst>
          </p:cNvPr>
          <p:cNvSpPr/>
          <p:nvPr userDrawn="1"/>
        </p:nvSpPr>
        <p:spPr>
          <a:xfrm flipH="1">
            <a:off x="-26645" y="-23177"/>
            <a:ext cx="5202715" cy="6895784"/>
          </a:xfrm>
          <a:custGeom>
            <a:avLst/>
            <a:gdLst>
              <a:gd name="connsiteX0" fmla="*/ 3611 w 21600"/>
              <a:gd name="connsiteY0" fmla="*/ 0 h 21600"/>
              <a:gd name="connsiteX1" fmla="*/ 3611 w 21600"/>
              <a:gd name="connsiteY1" fmla="*/ 7584 h 21600"/>
              <a:gd name="connsiteX2" fmla="*/ 2556 w 21600"/>
              <a:gd name="connsiteY2" fmla="*/ 9830 h 21600"/>
              <a:gd name="connsiteX3" fmla="*/ 0 w 21600"/>
              <a:gd name="connsiteY3" fmla="*/ 10800 h 21600"/>
              <a:gd name="connsiteX4" fmla="*/ 2556 w 21600"/>
              <a:gd name="connsiteY4" fmla="*/ 11770 h 21600"/>
              <a:gd name="connsiteX5" fmla="*/ 3611 w 21600"/>
              <a:gd name="connsiteY5" fmla="*/ 14016 h 21600"/>
              <a:gd name="connsiteX6" fmla="*/ 3611 w 21600"/>
              <a:gd name="connsiteY6" fmla="*/ 21600 h 21600"/>
              <a:gd name="connsiteX7" fmla="*/ 21600 w 21600"/>
              <a:gd name="connsiteY7" fmla="*/ 21600 h 21600"/>
              <a:gd name="connsiteX8" fmla="*/ 17460 w 21600"/>
              <a:gd name="connsiteY8" fmla="*/ 328 h 21600"/>
              <a:gd name="connsiteX9" fmla="*/ 3611 w 21600"/>
              <a:gd name="connsiteY9" fmla="*/ 0 h 21600"/>
              <a:gd name="connsiteX0" fmla="*/ 3611 w 17779"/>
              <a:gd name="connsiteY0" fmla="*/ 0 h 21600"/>
              <a:gd name="connsiteX1" fmla="*/ 3611 w 17779"/>
              <a:gd name="connsiteY1" fmla="*/ 7584 h 21600"/>
              <a:gd name="connsiteX2" fmla="*/ 2556 w 17779"/>
              <a:gd name="connsiteY2" fmla="*/ 9830 h 21600"/>
              <a:gd name="connsiteX3" fmla="*/ 0 w 17779"/>
              <a:gd name="connsiteY3" fmla="*/ 10800 h 21600"/>
              <a:gd name="connsiteX4" fmla="*/ 2556 w 17779"/>
              <a:gd name="connsiteY4" fmla="*/ 11770 h 21600"/>
              <a:gd name="connsiteX5" fmla="*/ 3611 w 17779"/>
              <a:gd name="connsiteY5" fmla="*/ 14016 h 21600"/>
              <a:gd name="connsiteX6" fmla="*/ 3611 w 17779"/>
              <a:gd name="connsiteY6" fmla="*/ 21600 h 21600"/>
              <a:gd name="connsiteX7" fmla="*/ 17779 w 17779"/>
              <a:gd name="connsiteY7" fmla="*/ 21600 h 21600"/>
              <a:gd name="connsiteX8" fmla="*/ 17460 w 17779"/>
              <a:gd name="connsiteY8" fmla="*/ 328 h 21600"/>
              <a:gd name="connsiteX9" fmla="*/ 3611 w 17779"/>
              <a:gd name="connsiteY9" fmla="*/ 0 h 21600"/>
              <a:gd name="connsiteX0" fmla="*/ 3611 w 17881"/>
              <a:gd name="connsiteY0" fmla="*/ 73 h 21673"/>
              <a:gd name="connsiteX1" fmla="*/ 3611 w 17881"/>
              <a:gd name="connsiteY1" fmla="*/ 7657 h 21673"/>
              <a:gd name="connsiteX2" fmla="*/ 2556 w 17881"/>
              <a:gd name="connsiteY2" fmla="*/ 9903 h 21673"/>
              <a:gd name="connsiteX3" fmla="*/ 0 w 17881"/>
              <a:gd name="connsiteY3" fmla="*/ 10873 h 21673"/>
              <a:gd name="connsiteX4" fmla="*/ 2556 w 17881"/>
              <a:gd name="connsiteY4" fmla="*/ 11843 h 21673"/>
              <a:gd name="connsiteX5" fmla="*/ 3611 w 17881"/>
              <a:gd name="connsiteY5" fmla="*/ 14089 h 21673"/>
              <a:gd name="connsiteX6" fmla="*/ 3611 w 17881"/>
              <a:gd name="connsiteY6" fmla="*/ 21673 h 21673"/>
              <a:gd name="connsiteX7" fmla="*/ 17779 w 17881"/>
              <a:gd name="connsiteY7" fmla="*/ 21673 h 21673"/>
              <a:gd name="connsiteX8" fmla="*/ 17858 w 17881"/>
              <a:gd name="connsiteY8" fmla="*/ 0 h 21673"/>
              <a:gd name="connsiteX9" fmla="*/ 3611 w 17881"/>
              <a:gd name="connsiteY9" fmla="*/ 73 h 21673"/>
              <a:gd name="connsiteX0" fmla="*/ 3611 w 17888"/>
              <a:gd name="connsiteY0" fmla="*/ 73 h 21673"/>
              <a:gd name="connsiteX1" fmla="*/ 3611 w 17888"/>
              <a:gd name="connsiteY1" fmla="*/ 7657 h 21673"/>
              <a:gd name="connsiteX2" fmla="*/ 2556 w 17888"/>
              <a:gd name="connsiteY2" fmla="*/ 9903 h 21673"/>
              <a:gd name="connsiteX3" fmla="*/ 0 w 17888"/>
              <a:gd name="connsiteY3" fmla="*/ 10873 h 21673"/>
              <a:gd name="connsiteX4" fmla="*/ 2556 w 17888"/>
              <a:gd name="connsiteY4" fmla="*/ 11843 h 21673"/>
              <a:gd name="connsiteX5" fmla="*/ 3611 w 17888"/>
              <a:gd name="connsiteY5" fmla="*/ 14089 h 21673"/>
              <a:gd name="connsiteX6" fmla="*/ 3611 w 17888"/>
              <a:gd name="connsiteY6" fmla="*/ 21673 h 21673"/>
              <a:gd name="connsiteX7" fmla="*/ 17859 w 17888"/>
              <a:gd name="connsiteY7" fmla="*/ 21649 h 21673"/>
              <a:gd name="connsiteX8" fmla="*/ 17858 w 17888"/>
              <a:gd name="connsiteY8" fmla="*/ 0 h 21673"/>
              <a:gd name="connsiteX9" fmla="*/ 3611 w 17888"/>
              <a:gd name="connsiteY9" fmla="*/ 73 h 21673"/>
              <a:gd name="connsiteX0" fmla="*/ 3611 w 17912"/>
              <a:gd name="connsiteY0" fmla="*/ 73 h 21698"/>
              <a:gd name="connsiteX1" fmla="*/ 3611 w 17912"/>
              <a:gd name="connsiteY1" fmla="*/ 7657 h 21698"/>
              <a:gd name="connsiteX2" fmla="*/ 2556 w 17912"/>
              <a:gd name="connsiteY2" fmla="*/ 9903 h 21698"/>
              <a:gd name="connsiteX3" fmla="*/ 0 w 17912"/>
              <a:gd name="connsiteY3" fmla="*/ 10873 h 21698"/>
              <a:gd name="connsiteX4" fmla="*/ 2556 w 17912"/>
              <a:gd name="connsiteY4" fmla="*/ 11843 h 21698"/>
              <a:gd name="connsiteX5" fmla="*/ 3611 w 17912"/>
              <a:gd name="connsiteY5" fmla="*/ 14089 h 21698"/>
              <a:gd name="connsiteX6" fmla="*/ 3611 w 17912"/>
              <a:gd name="connsiteY6" fmla="*/ 21673 h 21698"/>
              <a:gd name="connsiteX7" fmla="*/ 17912 w 17912"/>
              <a:gd name="connsiteY7" fmla="*/ 21698 h 21698"/>
              <a:gd name="connsiteX8" fmla="*/ 17858 w 17912"/>
              <a:gd name="connsiteY8" fmla="*/ 0 h 21698"/>
              <a:gd name="connsiteX9" fmla="*/ 3611 w 17912"/>
              <a:gd name="connsiteY9" fmla="*/ 73 h 21698"/>
              <a:gd name="connsiteX0" fmla="*/ 3611 w 17871"/>
              <a:gd name="connsiteY0" fmla="*/ 73 h 21673"/>
              <a:gd name="connsiteX1" fmla="*/ 3611 w 17871"/>
              <a:gd name="connsiteY1" fmla="*/ 7657 h 21673"/>
              <a:gd name="connsiteX2" fmla="*/ 2556 w 17871"/>
              <a:gd name="connsiteY2" fmla="*/ 9903 h 21673"/>
              <a:gd name="connsiteX3" fmla="*/ 0 w 17871"/>
              <a:gd name="connsiteY3" fmla="*/ 10873 h 21673"/>
              <a:gd name="connsiteX4" fmla="*/ 2556 w 17871"/>
              <a:gd name="connsiteY4" fmla="*/ 11843 h 21673"/>
              <a:gd name="connsiteX5" fmla="*/ 3611 w 17871"/>
              <a:gd name="connsiteY5" fmla="*/ 14089 h 21673"/>
              <a:gd name="connsiteX6" fmla="*/ 3611 w 17871"/>
              <a:gd name="connsiteY6" fmla="*/ 21673 h 21673"/>
              <a:gd name="connsiteX7" fmla="*/ 17516 w 17871"/>
              <a:gd name="connsiteY7" fmla="*/ 21591 h 21673"/>
              <a:gd name="connsiteX8" fmla="*/ 17858 w 17871"/>
              <a:gd name="connsiteY8" fmla="*/ 0 h 21673"/>
              <a:gd name="connsiteX9" fmla="*/ 3611 w 17871"/>
              <a:gd name="connsiteY9" fmla="*/ 73 h 21673"/>
              <a:gd name="connsiteX0" fmla="*/ 3611 w 17892"/>
              <a:gd name="connsiteY0" fmla="*/ 73 h 21719"/>
              <a:gd name="connsiteX1" fmla="*/ 3611 w 17892"/>
              <a:gd name="connsiteY1" fmla="*/ 7657 h 21719"/>
              <a:gd name="connsiteX2" fmla="*/ 2556 w 17892"/>
              <a:gd name="connsiteY2" fmla="*/ 9903 h 21719"/>
              <a:gd name="connsiteX3" fmla="*/ 0 w 17892"/>
              <a:gd name="connsiteY3" fmla="*/ 10873 h 21719"/>
              <a:gd name="connsiteX4" fmla="*/ 2556 w 17892"/>
              <a:gd name="connsiteY4" fmla="*/ 11843 h 21719"/>
              <a:gd name="connsiteX5" fmla="*/ 3611 w 17892"/>
              <a:gd name="connsiteY5" fmla="*/ 14089 h 21719"/>
              <a:gd name="connsiteX6" fmla="*/ 3611 w 17892"/>
              <a:gd name="connsiteY6" fmla="*/ 21673 h 21719"/>
              <a:gd name="connsiteX7" fmla="*/ 17889 w 17892"/>
              <a:gd name="connsiteY7" fmla="*/ 21719 h 21719"/>
              <a:gd name="connsiteX8" fmla="*/ 17858 w 17892"/>
              <a:gd name="connsiteY8" fmla="*/ 0 h 21719"/>
              <a:gd name="connsiteX9" fmla="*/ 3611 w 17892"/>
              <a:gd name="connsiteY9" fmla="*/ 73 h 217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7892" h="21719" extrusionOk="0">
                <a:moveTo>
                  <a:pt x="3611" y="73"/>
                </a:moveTo>
                <a:lnTo>
                  <a:pt x="3611" y="7657"/>
                </a:lnTo>
                <a:cubicBezTo>
                  <a:pt x="3584" y="8533"/>
                  <a:pt x="3188" y="9325"/>
                  <a:pt x="2556" y="9903"/>
                </a:cubicBezTo>
                <a:cubicBezTo>
                  <a:pt x="1902" y="10503"/>
                  <a:pt x="998" y="10873"/>
                  <a:pt x="0" y="10873"/>
                </a:cubicBezTo>
                <a:cubicBezTo>
                  <a:pt x="998" y="10873"/>
                  <a:pt x="1902" y="11243"/>
                  <a:pt x="2556" y="11843"/>
                </a:cubicBezTo>
                <a:cubicBezTo>
                  <a:pt x="3188" y="12421"/>
                  <a:pt x="3584" y="13213"/>
                  <a:pt x="3611" y="14089"/>
                </a:cubicBezTo>
                <a:lnTo>
                  <a:pt x="3611" y="21673"/>
                </a:lnTo>
                <a:lnTo>
                  <a:pt x="17889" y="21719"/>
                </a:lnTo>
                <a:cubicBezTo>
                  <a:pt x="17783" y="14628"/>
                  <a:pt x="17964" y="7091"/>
                  <a:pt x="17858" y="0"/>
                </a:cubicBezTo>
                <a:lnTo>
                  <a:pt x="3611" y="73"/>
                </a:lnTo>
                <a:close/>
              </a:path>
            </a:pathLst>
          </a:custGeom>
          <a:solidFill>
            <a:schemeClr val="accent1">
              <a:hueOff val="-342857"/>
              <a:satOff val="-34375"/>
              <a:lumOff val="34901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chemeClr val="accent1">
                    <a:hueOff val="-342857"/>
                    <a:satOff val="-34375"/>
                    <a:lumOff val="34901"/>
                  </a:schemeClr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27" name="Shape">
            <a:extLst>
              <a:ext uri="{FF2B5EF4-FFF2-40B4-BE49-F238E27FC236}">
                <a16:creationId xmlns:a16="http://schemas.microsoft.com/office/drawing/2014/main" id="{393E5AC3-D15B-DDC3-7B0B-3C698B6CA05A}"/>
              </a:ext>
            </a:extLst>
          </p:cNvPr>
          <p:cNvSpPr/>
          <p:nvPr userDrawn="1"/>
        </p:nvSpPr>
        <p:spPr>
          <a:xfrm rot="16200000" flipH="1">
            <a:off x="-26645" y="5104492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0" name="Shape">
            <a:extLst>
              <a:ext uri="{FF2B5EF4-FFF2-40B4-BE49-F238E27FC236}">
                <a16:creationId xmlns:a16="http://schemas.microsoft.com/office/drawing/2014/main" id="{B99F4A42-70C3-08ED-F4EE-717EDCBB6D24}"/>
              </a:ext>
            </a:extLst>
          </p:cNvPr>
          <p:cNvSpPr/>
          <p:nvPr userDrawn="1"/>
        </p:nvSpPr>
        <p:spPr>
          <a:xfrm>
            <a:off x="3131742" y="508457"/>
            <a:ext cx="684665" cy="68466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1" name="Shape">
            <a:extLst>
              <a:ext uri="{FF2B5EF4-FFF2-40B4-BE49-F238E27FC236}">
                <a16:creationId xmlns:a16="http://schemas.microsoft.com/office/drawing/2014/main" id="{CA3F515E-C3FC-8770-F809-6EB7F11B85BA}"/>
              </a:ext>
            </a:extLst>
          </p:cNvPr>
          <p:cNvSpPr/>
          <p:nvPr userDrawn="1"/>
        </p:nvSpPr>
        <p:spPr>
          <a:xfrm>
            <a:off x="11683655" y="6475594"/>
            <a:ext cx="326629" cy="203631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3352" y="0"/>
                </a:moveTo>
                <a:cubicBezTo>
                  <a:pt x="2723" y="0"/>
                  <a:pt x="2176" y="194"/>
                  <a:pt x="1701" y="575"/>
                </a:cubicBezTo>
                <a:cubicBezTo>
                  <a:pt x="1614" y="645"/>
                  <a:pt x="1532" y="725"/>
                  <a:pt x="1448" y="808"/>
                </a:cubicBezTo>
                <a:cubicBezTo>
                  <a:pt x="1089" y="1172"/>
                  <a:pt x="804" y="1640"/>
                  <a:pt x="575" y="2230"/>
                </a:cubicBezTo>
                <a:cubicBezTo>
                  <a:pt x="296" y="2947"/>
                  <a:pt x="132" y="3730"/>
                  <a:pt x="78" y="4600"/>
                </a:cubicBezTo>
                <a:cubicBezTo>
                  <a:pt x="58" y="4919"/>
                  <a:pt x="15" y="5308"/>
                  <a:pt x="0" y="5783"/>
                </a:cubicBezTo>
                <a:lnTo>
                  <a:pt x="2898" y="5697"/>
                </a:lnTo>
                <a:cubicBezTo>
                  <a:pt x="2898" y="4671"/>
                  <a:pt x="2942" y="4043"/>
                  <a:pt x="3019" y="3831"/>
                </a:cubicBezTo>
                <a:cubicBezTo>
                  <a:pt x="3101" y="3613"/>
                  <a:pt x="3219" y="3505"/>
                  <a:pt x="3368" y="3505"/>
                </a:cubicBezTo>
                <a:cubicBezTo>
                  <a:pt x="3547" y="3505"/>
                  <a:pt x="3663" y="3637"/>
                  <a:pt x="3722" y="3911"/>
                </a:cubicBezTo>
                <a:cubicBezTo>
                  <a:pt x="3780" y="4168"/>
                  <a:pt x="3808" y="4767"/>
                  <a:pt x="3808" y="5675"/>
                </a:cubicBezTo>
                <a:lnTo>
                  <a:pt x="6692" y="5599"/>
                </a:lnTo>
                <a:cubicBezTo>
                  <a:pt x="6677" y="5180"/>
                  <a:pt x="6644" y="4823"/>
                  <a:pt x="6625" y="4542"/>
                </a:cubicBezTo>
                <a:cubicBezTo>
                  <a:pt x="6571" y="3696"/>
                  <a:pt x="6398" y="2902"/>
                  <a:pt x="6110" y="2178"/>
                </a:cubicBezTo>
                <a:cubicBezTo>
                  <a:pt x="5883" y="1609"/>
                  <a:pt x="5596" y="1151"/>
                  <a:pt x="5252" y="808"/>
                </a:cubicBezTo>
                <a:cubicBezTo>
                  <a:pt x="5159" y="708"/>
                  <a:pt x="5064" y="620"/>
                  <a:pt x="4961" y="544"/>
                </a:cubicBezTo>
                <a:cubicBezTo>
                  <a:pt x="4487" y="180"/>
                  <a:pt x="3949" y="0"/>
                  <a:pt x="3352" y="0"/>
                </a:cubicBezTo>
                <a:close/>
                <a:moveTo>
                  <a:pt x="18250" y="35"/>
                </a:moveTo>
                <a:cubicBezTo>
                  <a:pt x="17638" y="42"/>
                  <a:pt x="17104" y="239"/>
                  <a:pt x="16639" y="610"/>
                </a:cubicBezTo>
                <a:cubicBezTo>
                  <a:pt x="16555" y="686"/>
                  <a:pt x="16471" y="763"/>
                  <a:pt x="16391" y="846"/>
                </a:cubicBezTo>
                <a:cubicBezTo>
                  <a:pt x="16032" y="1210"/>
                  <a:pt x="15744" y="1678"/>
                  <a:pt x="15519" y="2268"/>
                </a:cubicBezTo>
                <a:cubicBezTo>
                  <a:pt x="15379" y="2621"/>
                  <a:pt x="15264" y="2999"/>
                  <a:pt x="15184" y="3394"/>
                </a:cubicBezTo>
                <a:cubicBezTo>
                  <a:pt x="15141" y="3599"/>
                  <a:pt x="15109" y="3796"/>
                  <a:pt x="15080" y="4008"/>
                </a:cubicBezTo>
                <a:cubicBezTo>
                  <a:pt x="15052" y="4212"/>
                  <a:pt x="15033" y="4424"/>
                  <a:pt x="15020" y="4643"/>
                </a:cubicBezTo>
                <a:cubicBezTo>
                  <a:pt x="15012" y="4733"/>
                  <a:pt x="15007" y="4840"/>
                  <a:pt x="14997" y="4944"/>
                </a:cubicBezTo>
                <a:cubicBezTo>
                  <a:pt x="14973" y="5193"/>
                  <a:pt x="14949" y="5482"/>
                  <a:pt x="14940" y="5804"/>
                </a:cubicBezTo>
                <a:lnTo>
                  <a:pt x="14940" y="6899"/>
                </a:lnTo>
                <a:lnTo>
                  <a:pt x="14936" y="6899"/>
                </a:lnTo>
                <a:lnTo>
                  <a:pt x="14936" y="12641"/>
                </a:lnTo>
                <a:cubicBezTo>
                  <a:pt x="14936" y="13216"/>
                  <a:pt x="14940" y="13744"/>
                  <a:pt x="14940" y="14229"/>
                </a:cubicBezTo>
                <a:cubicBezTo>
                  <a:pt x="14940" y="14274"/>
                  <a:pt x="14940" y="14319"/>
                  <a:pt x="14940" y="14364"/>
                </a:cubicBezTo>
                <a:lnTo>
                  <a:pt x="14940" y="14454"/>
                </a:lnTo>
                <a:cubicBezTo>
                  <a:pt x="14955" y="15415"/>
                  <a:pt x="14969" y="16177"/>
                  <a:pt x="14997" y="16752"/>
                </a:cubicBezTo>
                <a:cubicBezTo>
                  <a:pt x="14997" y="16777"/>
                  <a:pt x="14996" y="16805"/>
                  <a:pt x="15001" y="16829"/>
                </a:cubicBezTo>
                <a:cubicBezTo>
                  <a:pt x="15005" y="16926"/>
                  <a:pt x="15009" y="17016"/>
                  <a:pt x="15016" y="17099"/>
                </a:cubicBezTo>
                <a:cubicBezTo>
                  <a:pt x="15072" y="17938"/>
                  <a:pt x="15243" y="18726"/>
                  <a:pt x="15534" y="19444"/>
                </a:cubicBezTo>
                <a:cubicBezTo>
                  <a:pt x="15690" y="19846"/>
                  <a:pt x="15878" y="20185"/>
                  <a:pt x="16094" y="20470"/>
                </a:cubicBezTo>
                <a:cubicBezTo>
                  <a:pt x="16138" y="20522"/>
                  <a:pt x="16179" y="20583"/>
                  <a:pt x="16222" y="20635"/>
                </a:cubicBezTo>
                <a:cubicBezTo>
                  <a:pt x="16254" y="20673"/>
                  <a:pt x="16287" y="20712"/>
                  <a:pt x="16321" y="20750"/>
                </a:cubicBezTo>
                <a:cubicBezTo>
                  <a:pt x="16438" y="20871"/>
                  <a:pt x="16552" y="20969"/>
                  <a:pt x="16669" y="21059"/>
                </a:cubicBezTo>
                <a:cubicBezTo>
                  <a:pt x="16736" y="21104"/>
                  <a:pt x="16801" y="21149"/>
                  <a:pt x="16868" y="21187"/>
                </a:cubicBezTo>
                <a:cubicBezTo>
                  <a:pt x="17048" y="21308"/>
                  <a:pt x="17231" y="21399"/>
                  <a:pt x="17424" y="21458"/>
                </a:cubicBezTo>
                <a:cubicBezTo>
                  <a:pt x="17564" y="21510"/>
                  <a:pt x="17711" y="21548"/>
                  <a:pt x="17863" y="21565"/>
                </a:cubicBezTo>
                <a:cubicBezTo>
                  <a:pt x="17882" y="21572"/>
                  <a:pt x="17906" y="21579"/>
                  <a:pt x="17930" y="21579"/>
                </a:cubicBezTo>
                <a:cubicBezTo>
                  <a:pt x="17966" y="21586"/>
                  <a:pt x="18001" y="21585"/>
                  <a:pt x="18034" y="21585"/>
                </a:cubicBezTo>
                <a:cubicBezTo>
                  <a:pt x="18114" y="21599"/>
                  <a:pt x="18189" y="21600"/>
                  <a:pt x="18269" y="21600"/>
                </a:cubicBezTo>
                <a:cubicBezTo>
                  <a:pt x="18344" y="21600"/>
                  <a:pt x="18420" y="21600"/>
                  <a:pt x="18496" y="21593"/>
                </a:cubicBezTo>
                <a:cubicBezTo>
                  <a:pt x="18576" y="21586"/>
                  <a:pt x="18652" y="21569"/>
                  <a:pt x="18727" y="21562"/>
                </a:cubicBezTo>
                <a:cubicBezTo>
                  <a:pt x="18892" y="21537"/>
                  <a:pt x="19062" y="21492"/>
                  <a:pt x="19222" y="21426"/>
                </a:cubicBezTo>
                <a:cubicBezTo>
                  <a:pt x="19397" y="21357"/>
                  <a:pt x="19570" y="21284"/>
                  <a:pt x="19736" y="21169"/>
                </a:cubicBezTo>
                <a:cubicBezTo>
                  <a:pt x="19788" y="21138"/>
                  <a:pt x="19841" y="21093"/>
                  <a:pt x="19892" y="21048"/>
                </a:cubicBezTo>
                <a:cubicBezTo>
                  <a:pt x="19940" y="21010"/>
                  <a:pt x="19981" y="20965"/>
                  <a:pt x="20024" y="20920"/>
                </a:cubicBezTo>
                <a:cubicBezTo>
                  <a:pt x="20048" y="20896"/>
                  <a:pt x="20072" y="20868"/>
                  <a:pt x="20089" y="20843"/>
                </a:cubicBezTo>
                <a:cubicBezTo>
                  <a:pt x="20121" y="20798"/>
                  <a:pt x="20149" y="20761"/>
                  <a:pt x="20177" y="20715"/>
                </a:cubicBezTo>
                <a:cubicBezTo>
                  <a:pt x="20201" y="20670"/>
                  <a:pt x="20221" y="20625"/>
                  <a:pt x="20249" y="20580"/>
                </a:cubicBezTo>
                <a:lnTo>
                  <a:pt x="20325" y="20663"/>
                </a:lnTo>
                <a:lnTo>
                  <a:pt x="20880" y="21284"/>
                </a:lnTo>
                <a:lnTo>
                  <a:pt x="21600" y="21284"/>
                </a:lnTo>
                <a:lnTo>
                  <a:pt x="21600" y="10096"/>
                </a:lnTo>
                <a:lnTo>
                  <a:pt x="18751" y="10096"/>
                </a:lnTo>
                <a:cubicBezTo>
                  <a:pt x="18727" y="10096"/>
                  <a:pt x="18714" y="10096"/>
                  <a:pt x="18714" y="10096"/>
                </a:cubicBezTo>
                <a:lnTo>
                  <a:pt x="18267" y="10096"/>
                </a:lnTo>
                <a:lnTo>
                  <a:pt x="18267" y="13261"/>
                </a:lnTo>
                <a:lnTo>
                  <a:pt x="18753" y="13261"/>
                </a:lnTo>
                <a:lnTo>
                  <a:pt x="18753" y="15279"/>
                </a:lnTo>
                <a:cubicBezTo>
                  <a:pt x="18753" y="16496"/>
                  <a:pt x="18725" y="17273"/>
                  <a:pt x="18673" y="17592"/>
                </a:cubicBezTo>
                <a:cubicBezTo>
                  <a:pt x="18617" y="17918"/>
                  <a:pt x="18489" y="18084"/>
                  <a:pt x="18290" y="18084"/>
                </a:cubicBezTo>
                <a:cubicBezTo>
                  <a:pt x="18148" y="18084"/>
                  <a:pt x="18040" y="18008"/>
                  <a:pt x="17975" y="17849"/>
                </a:cubicBezTo>
                <a:cubicBezTo>
                  <a:pt x="17955" y="17793"/>
                  <a:pt x="17934" y="17741"/>
                  <a:pt x="17923" y="17675"/>
                </a:cubicBezTo>
                <a:cubicBezTo>
                  <a:pt x="17914" y="17637"/>
                  <a:pt x="17910" y="17585"/>
                  <a:pt x="17904" y="17523"/>
                </a:cubicBezTo>
                <a:cubicBezTo>
                  <a:pt x="17884" y="17380"/>
                  <a:pt x="17871" y="17175"/>
                  <a:pt x="17861" y="16908"/>
                </a:cubicBezTo>
                <a:cubicBezTo>
                  <a:pt x="17856" y="16811"/>
                  <a:pt x="17852" y="16704"/>
                  <a:pt x="17852" y="16590"/>
                </a:cubicBezTo>
                <a:cubicBezTo>
                  <a:pt x="17843" y="16271"/>
                  <a:pt x="17836" y="15893"/>
                  <a:pt x="17836" y="15449"/>
                </a:cubicBezTo>
                <a:lnTo>
                  <a:pt x="17836" y="5700"/>
                </a:lnTo>
                <a:cubicBezTo>
                  <a:pt x="17836" y="5315"/>
                  <a:pt x="17845" y="4982"/>
                  <a:pt x="17861" y="4718"/>
                </a:cubicBezTo>
                <a:cubicBezTo>
                  <a:pt x="17865" y="4552"/>
                  <a:pt x="17873" y="4400"/>
                  <a:pt x="17888" y="4282"/>
                </a:cubicBezTo>
                <a:cubicBezTo>
                  <a:pt x="17893" y="4212"/>
                  <a:pt x="17901" y="4154"/>
                  <a:pt x="17908" y="4102"/>
                </a:cubicBezTo>
                <a:cubicBezTo>
                  <a:pt x="17917" y="4050"/>
                  <a:pt x="17921" y="4004"/>
                  <a:pt x="17932" y="3959"/>
                </a:cubicBezTo>
                <a:cubicBezTo>
                  <a:pt x="17940" y="3921"/>
                  <a:pt x="17951" y="3890"/>
                  <a:pt x="17960" y="3862"/>
                </a:cubicBezTo>
                <a:cubicBezTo>
                  <a:pt x="17992" y="3765"/>
                  <a:pt x="18040" y="3689"/>
                  <a:pt x="18092" y="3626"/>
                </a:cubicBezTo>
                <a:cubicBezTo>
                  <a:pt x="18148" y="3574"/>
                  <a:pt x="18208" y="3543"/>
                  <a:pt x="18279" y="3536"/>
                </a:cubicBezTo>
                <a:lnTo>
                  <a:pt x="18293" y="3536"/>
                </a:lnTo>
                <a:cubicBezTo>
                  <a:pt x="18325" y="3536"/>
                  <a:pt x="18353" y="3543"/>
                  <a:pt x="18381" y="3560"/>
                </a:cubicBezTo>
                <a:cubicBezTo>
                  <a:pt x="18494" y="3612"/>
                  <a:pt x="18574" y="3741"/>
                  <a:pt x="18617" y="3946"/>
                </a:cubicBezTo>
                <a:cubicBezTo>
                  <a:pt x="18673" y="4209"/>
                  <a:pt x="18701" y="4830"/>
                  <a:pt x="18701" y="5783"/>
                </a:cubicBezTo>
                <a:lnTo>
                  <a:pt x="18701" y="7520"/>
                </a:lnTo>
                <a:cubicBezTo>
                  <a:pt x="18701" y="7520"/>
                  <a:pt x="18721" y="7520"/>
                  <a:pt x="18749" y="7520"/>
                </a:cubicBezTo>
                <a:cubicBezTo>
                  <a:pt x="19121" y="7520"/>
                  <a:pt x="21580" y="7520"/>
                  <a:pt x="21580" y="7520"/>
                </a:cubicBezTo>
                <a:lnTo>
                  <a:pt x="21593" y="7520"/>
                </a:lnTo>
                <a:cubicBezTo>
                  <a:pt x="21593" y="7333"/>
                  <a:pt x="21589" y="7149"/>
                  <a:pt x="21589" y="6975"/>
                </a:cubicBezTo>
                <a:lnTo>
                  <a:pt x="21589" y="5752"/>
                </a:lnTo>
                <a:cubicBezTo>
                  <a:pt x="21589" y="5707"/>
                  <a:pt x="21584" y="5655"/>
                  <a:pt x="21584" y="5610"/>
                </a:cubicBezTo>
                <a:cubicBezTo>
                  <a:pt x="21565" y="5194"/>
                  <a:pt x="21537" y="4854"/>
                  <a:pt x="21520" y="4573"/>
                </a:cubicBezTo>
                <a:cubicBezTo>
                  <a:pt x="21468" y="3727"/>
                  <a:pt x="21293" y="2933"/>
                  <a:pt x="21006" y="2208"/>
                </a:cubicBezTo>
                <a:cubicBezTo>
                  <a:pt x="20779" y="1643"/>
                  <a:pt x="20491" y="1183"/>
                  <a:pt x="20147" y="843"/>
                </a:cubicBezTo>
                <a:cubicBezTo>
                  <a:pt x="20052" y="746"/>
                  <a:pt x="19959" y="655"/>
                  <a:pt x="19855" y="579"/>
                </a:cubicBezTo>
                <a:cubicBezTo>
                  <a:pt x="19416" y="246"/>
                  <a:pt x="18928" y="65"/>
                  <a:pt x="18381" y="41"/>
                </a:cubicBezTo>
                <a:cubicBezTo>
                  <a:pt x="18338" y="34"/>
                  <a:pt x="18293" y="35"/>
                  <a:pt x="18250" y="35"/>
                </a:cubicBezTo>
                <a:close/>
                <a:moveTo>
                  <a:pt x="8002" y="416"/>
                </a:moveTo>
                <a:lnTo>
                  <a:pt x="8002" y="3533"/>
                </a:lnTo>
                <a:lnTo>
                  <a:pt x="7997" y="3533"/>
                </a:lnTo>
                <a:lnTo>
                  <a:pt x="7997" y="5536"/>
                </a:lnTo>
                <a:lnTo>
                  <a:pt x="10885" y="5450"/>
                </a:lnTo>
                <a:lnTo>
                  <a:pt x="10885" y="3949"/>
                </a:lnTo>
                <a:lnTo>
                  <a:pt x="12954" y="6258"/>
                </a:lnTo>
                <a:lnTo>
                  <a:pt x="10885" y="8560"/>
                </a:lnTo>
                <a:lnTo>
                  <a:pt x="10885" y="7059"/>
                </a:lnTo>
                <a:lnTo>
                  <a:pt x="7997" y="6972"/>
                </a:lnTo>
                <a:lnTo>
                  <a:pt x="7997" y="21242"/>
                </a:lnTo>
                <a:lnTo>
                  <a:pt x="10901" y="21242"/>
                </a:lnTo>
                <a:lnTo>
                  <a:pt x="10901" y="12433"/>
                </a:lnTo>
                <a:lnTo>
                  <a:pt x="11676" y="12433"/>
                </a:lnTo>
                <a:cubicBezTo>
                  <a:pt x="12312" y="12433"/>
                  <a:pt x="12824" y="12270"/>
                  <a:pt x="13217" y="11944"/>
                </a:cubicBezTo>
                <a:cubicBezTo>
                  <a:pt x="13611" y="11625"/>
                  <a:pt x="13881" y="11161"/>
                  <a:pt x="14026" y="10554"/>
                </a:cubicBezTo>
                <a:cubicBezTo>
                  <a:pt x="14030" y="10540"/>
                  <a:pt x="14034" y="10516"/>
                  <a:pt x="14041" y="10499"/>
                </a:cubicBezTo>
                <a:cubicBezTo>
                  <a:pt x="14158" y="9985"/>
                  <a:pt x="14229" y="9458"/>
                  <a:pt x="14244" y="8483"/>
                </a:cubicBezTo>
                <a:lnTo>
                  <a:pt x="14244" y="5787"/>
                </a:lnTo>
                <a:cubicBezTo>
                  <a:pt x="14240" y="4830"/>
                  <a:pt x="14209" y="4077"/>
                  <a:pt x="14151" y="3533"/>
                </a:cubicBezTo>
                <a:cubicBezTo>
                  <a:pt x="14149" y="3464"/>
                  <a:pt x="14145" y="3402"/>
                  <a:pt x="14134" y="3339"/>
                </a:cubicBezTo>
                <a:cubicBezTo>
                  <a:pt x="14056" y="2726"/>
                  <a:pt x="13916" y="2195"/>
                  <a:pt x="13702" y="1762"/>
                </a:cubicBezTo>
                <a:cubicBezTo>
                  <a:pt x="13483" y="1325"/>
                  <a:pt x="13168" y="992"/>
                  <a:pt x="12742" y="759"/>
                </a:cubicBezTo>
                <a:cubicBezTo>
                  <a:pt x="12316" y="534"/>
                  <a:pt x="11708" y="416"/>
                  <a:pt x="10920" y="416"/>
                </a:cubicBezTo>
                <a:lnTo>
                  <a:pt x="8002" y="416"/>
                </a:lnTo>
                <a:close/>
                <a:moveTo>
                  <a:pt x="14266" y="6726"/>
                </a:moveTo>
                <a:lnTo>
                  <a:pt x="14266" y="8491"/>
                </a:lnTo>
                <a:cubicBezTo>
                  <a:pt x="14270" y="8342"/>
                  <a:pt x="14270" y="8189"/>
                  <a:pt x="14270" y="8023"/>
                </a:cubicBezTo>
                <a:lnTo>
                  <a:pt x="14270" y="6726"/>
                </a:lnTo>
                <a:lnTo>
                  <a:pt x="14266" y="6726"/>
                </a:lnTo>
                <a:close/>
                <a:moveTo>
                  <a:pt x="0" y="6761"/>
                </a:moveTo>
                <a:lnTo>
                  <a:pt x="0" y="12551"/>
                </a:lnTo>
                <a:cubicBezTo>
                  <a:pt x="0" y="14686"/>
                  <a:pt x="31" y="16181"/>
                  <a:pt x="82" y="17034"/>
                </a:cubicBezTo>
                <a:cubicBezTo>
                  <a:pt x="136" y="17880"/>
                  <a:pt x="309" y="18673"/>
                  <a:pt x="601" y="19398"/>
                </a:cubicBezTo>
                <a:cubicBezTo>
                  <a:pt x="886" y="20123"/>
                  <a:pt x="1269" y="20663"/>
                  <a:pt x="1744" y="21031"/>
                </a:cubicBezTo>
                <a:cubicBezTo>
                  <a:pt x="2220" y="21388"/>
                  <a:pt x="2758" y="21576"/>
                  <a:pt x="3352" y="21576"/>
                </a:cubicBezTo>
                <a:cubicBezTo>
                  <a:pt x="3981" y="21576"/>
                  <a:pt x="4535" y="21381"/>
                  <a:pt x="5006" y="20999"/>
                </a:cubicBezTo>
                <a:cubicBezTo>
                  <a:pt x="5481" y="20611"/>
                  <a:pt x="5854" y="20067"/>
                  <a:pt x="6135" y="19343"/>
                </a:cubicBezTo>
                <a:cubicBezTo>
                  <a:pt x="6411" y="18629"/>
                  <a:pt x="6575" y="17834"/>
                  <a:pt x="6629" y="16971"/>
                </a:cubicBezTo>
                <a:cubicBezTo>
                  <a:pt x="6683" y="16108"/>
                  <a:pt x="6707" y="14631"/>
                  <a:pt x="6707" y="12547"/>
                </a:cubicBezTo>
                <a:lnTo>
                  <a:pt x="6707" y="9011"/>
                </a:lnTo>
                <a:cubicBezTo>
                  <a:pt x="6707" y="8241"/>
                  <a:pt x="6703" y="7558"/>
                  <a:pt x="6699" y="6951"/>
                </a:cubicBezTo>
                <a:lnTo>
                  <a:pt x="3808" y="6868"/>
                </a:lnTo>
                <a:lnTo>
                  <a:pt x="3808" y="15261"/>
                </a:lnTo>
                <a:cubicBezTo>
                  <a:pt x="3808" y="16482"/>
                  <a:pt x="3778" y="17259"/>
                  <a:pt x="3727" y="17578"/>
                </a:cubicBezTo>
                <a:cubicBezTo>
                  <a:pt x="3672" y="17904"/>
                  <a:pt x="3543" y="18066"/>
                  <a:pt x="3348" y="18066"/>
                </a:cubicBezTo>
                <a:cubicBezTo>
                  <a:pt x="3154" y="18066"/>
                  <a:pt x="3028" y="17928"/>
                  <a:pt x="2981" y="17641"/>
                </a:cubicBezTo>
                <a:cubicBezTo>
                  <a:pt x="2927" y="17360"/>
                  <a:pt x="2898" y="16620"/>
                  <a:pt x="2898" y="15417"/>
                </a:cubicBezTo>
                <a:lnTo>
                  <a:pt x="2898" y="6837"/>
                </a:lnTo>
                <a:lnTo>
                  <a:pt x="0" y="6761"/>
                </a:lnTo>
                <a:close/>
              </a:path>
            </a:pathLst>
          </a:custGeom>
          <a:solidFill>
            <a:schemeClr val="accent1">
              <a:hueOff val="4599999"/>
              <a:satOff val="-47058"/>
              <a:lumOff val="-30000"/>
            </a:schemeClr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37" name="Text Placeholder 33">
            <a:extLst>
              <a:ext uri="{FF2B5EF4-FFF2-40B4-BE49-F238E27FC236}">
                <a16:creationId xmlns:a16="http://schemas.microsoft.com/office/drawing/2014/main" id="{7ADBB72D-F123-7D43-AE58-6214940D055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938" y="0"/>
            <a:ext cx="4042099" cy="2312941"/>
          </a:xfrm>
        </p:spPr>
        <p:txBody>
          <a:bodyPr anchor="ctr"/>
          <a:lstStyle>
            <a:lvl1pPr algn="ctr">
              <a:defRPr sz="16700" b="1" i="0">
                <a:solidFill>
                  <a:srgbClr val="0C272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34" name="Text Placeholder 10">
            <a:extLst>
              <a:ext uri="{FF2B5EF4-FFF2-40B4-BE49-F238E27FC236}">
                <a16:creationId xmlns:a16="http://schemas.microsoft.com/office/drawing/2014/main" id="{E2330964-45E6-2942-A6D3-B0067D4EB2A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94176" y="4342766"/>
            <a:ext cx="3279305" cy="1722437"/>
          </a:xfrm>
        </p:spPr>
        <p:txBody>
          <a:bodyPr>
            <a:noAutofit/>
          </a:bodyPr>
          <a:lstStyle>
            <a:lvl1pPr algn="ctr">
              <a:lnSpc>
                <a:spcPct val="100000"/>
              </a:lnSpc>
              <a:defRPr sz="12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</a:p>
          <a:p>
            <a:pPr lvl="0"/>
            <a:endParaRPr lang="en-US" dirty="0"/>
          </a:p>
        </p:txBody>
      </p:sp>
      <p:sp>
        <p:nvSpPr>
          <p:cNvPr id="35" name="Text Placeholder 22">
            <a:extLst>
              <a:ext uri="{FF2B5EF4-FFF2-40B4-BE49-F238E27FC236}">
                <a16:creationId xmlns:a16="http://schemas.microsoft.com/office/drawing/2014/main" id="{B2F80DC6-E1B4-AE4C-AACE-486A6E7148C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67072" y="2271450"/>
            <a:ext cx="4991100" cy="393244"/>
          </a:xfrm>
        </p:spPr>
        <p:txBody>
          <a:bodyPr/>
          <a:lstStyle>
            <a:lvl1pPr>
              <a:defRPr sz="2400"/>
            </a:lvl1pPr>
            <a:lvl2pPr>
              <a:buNone/>
              <a:defRPr/>
            </a:lvl2pPr>
          </a:lstStyle>
          <a:p>
            <a:pPr lvl="0"/>
            <a:r>
              <a:rPr lang="en-US" dirty="0"/>
              <a:t>Insert subhead here</a:t>
            </a:r>
          </a:p>
        </p:txBody>
      </p:sp>
      <p:sp>
        <p:nvSpPr>
          <p:cNvPr id="36" name="Text Placeholder 48">
            <a:extLst>
              <a:ext uri="{FF2B5EF4-FFF2-40B4-BE49-F238E27FC236}">
                <a16:creationId xmlns:a16="http://schemas.microsoft.com/office/drawing/2014/main" id="{A255ECAF-47CB-124E-B0C3-F634DCD68D8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167070" y="2951163"/>
            <a:ext cx="6008017" cy="3477515"/>
          </a:xfrm>
        </p:spPr>
        <p:txBody>
          <a:bodyPr/>
          <a:lstStyle>
            <a:lvl2pPr>
              <a:buFont typeface="Arial" panose="020B0604020202020204" pitchFamily="34" charset="0"/>
              <a:buChar char="•"/>
              <a:defRPr/>
            </a:lvl2pPr>
          </a:lstStyle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  <a:p>
            <a:pPr lvl="1"/>
            <a:r>
              <a:rPr lang="en-US" dirty="0"/>
              <a:t>Lorem ipsum dolor sit </a:t>
            </a:r>
            <a:r>
              <a:rPr lang="en-US" dirty="0" err="1"/>
              <a:t>amet</a:t>
            </a:r>
            <a:r>
              <a:rPr lang="en-US" dirty="0"/>
              <a:t>, </a:t>
            </a:r>
            <a:r>
              <a:rPr lang="en-US" dirty="0" err="1"/>
              <a:t>consectetur</a:t>
            </a:r>
            <a:r>
              <a:rPr lang="en-US" dirty="0"/>
              <a:t> </a:t>
            </a:r>
            <a:r>
              <a:rPr lang="en-US" dirty="0" err="1"/>
              <a:t>adipiscing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Nullam</a:t>
            </a:r>
            <a:r>
              <a:rPr lang="en-US" dirty="0"/>
              <a:t> vitae pharetra </a:t>
            </a:r>
            <a:r>
              <a:rPr lang="en-US" dirty="0" err="1"/>
              <a:t>quam</a:t>
            </a:r>
            <a:r>
              <a:rPr lang="en-US" dirty="0"/>
              <a:t>, id </a:t>
            </a:r>
            <a:r>
              <a:rPr lang="en-US" dirty="0" err="1"/>
              <a:t>efficitur</a:t>
            </a:r>
            <a:r>
              <a:rPr lang="en-US" dirty="0"/>
              <a:t> </a:t>
            </a:r>
            <a:r>
              <a:rPr lang="en-US" dirty="0" err="1"/>
              <a:t>elit</a:t>
            </a:r>
            <a:r>
              <a:rPr lang="en-US" dirty="0"/>
              <a:t>. </a:t>
            </a:r>
            <a:r>
              <a:rPr lang="en-US" dirty="0" err="1"/>
              <a:t>Aliquam</a:t>
            </a:r>
            <a:r>
              <a:rPr lang="en-US" dirty="0"/>
              <a:t> </a:t>
            </a:r>
            <a:r>
              <a:rPr lang="en-US" dirty="0" err="1"/>
              <a:t>ultricies</a:t>
            </a:r>
            <a:r>
              <a:rPr lang="en-US" dirty="0"/>
              <a:t> </a:t>
            </a:r>
            <a:r>
              <a:rPr lang="en-US" dirty="0" err="1"/>
              <a:t>turpis</a:t>
            </a:r>
            <a:r>
              <a:rPr lang="en-US" dirty="0"/>
              <a:t> sed dolor </a:t>
            </a:r>
            <a:r>
              <a:rPr lang="en-US" dirty="0" err="1"/>
              <a:t>dignissim</a:t>
            </a:r>
            <a:r>
              <a:rPr lang="en-US" dirty="0"/>
              <a:t>, vel </a:t>
            </a:r>
            <a:r>
              <a:rPr lang="en-US" dirty="0" err="1"/>
              <a:t>tincidunt</a:t>
            </a:r>
            <a:r>
              <a:rPr lang="en-US" dirty="0"/>
              <a:t> magna </a:t>
            </a:r>
            <a:r>
              <a:rPr lang="en-US" dirty="0" err="1"/>
              <a:t>sollicitudin</a:t>
            </a:r>
            <a:r>
              <a:rPr lang="en-US" dirty="0"/>
              <a:t>. </a:t>
            </a:r>
            <a:r>
              <a:rPr lang="en-US" dirty="0" err="1"/>
              <a:t>Phasellus</a:t>
            </a:r>
            <a:r>
              <a:rPr lang="en-US" dirty="0"/>
              <a:t> </a:t>
            </a:r>
            <a:r>
              <a:rPr lang="en-US" dirty="0" err="1"/>
              <a:t>accumsan</a:t>
            </a:r>
            <a:r>
              <a:rPr lang="en-US" dirty="0"/>
              <a:t>, </a:t>
            </a:r>
            <a:r>
              <a:rPr lang="en-US" dirty="0" err="1"/>
              <a:t>arcu</a:t>
            </a:r>
            <a:r>
              <a:rPr lang="en-US" dirty="0"/>
              <a:t> a </a:t>
            </a:r>
            <a:r>
              <a:rPr lang="en-US" dirty="0" err="1"/>
              <a:t>luctus</a:t>
            </a:r>
            <a:r>
              <a:rPr lang="en-US" dirty="0"/>
              <a:t> </a:t>
            </a:r>
            <a:r>
              <a:rPr lang="en-US" dirty="0" err="1"/>
              <a:t>aliquet</a:t>
            </a:r>
            <a:r>
              <a:rPr lang="en-US" dirty="0"/>
              <a:t>, </a:t>
            </a:r>
            <a:r>
              <a:rPr lang="en-US" dirty="0" err="1"/>
              <a:t>lacus</a:t>
            </a:r>
            <a:r>
              <a:rPr lang="en-US" dirty="0"/>
              <a:t> </a:t>
            </a:r>
            <a:r>
              <a:rPr lang="en-US" dirty="0" err="1"/>
              <a:t>justo</a:t>
            </a:r>
            <a:r>
              <a:rPr lang="en-US" dirty="0"/>
              <a:t> </a:t>
            </a:r>
            <a:r>
              <a:rPr lang="en-US" dirty="0" err="1"/>
              <a:t>interdum</a:t>
            </a:r>
            <a:r>
              <a:rPr lang="en-US" dirty="0"/>
              <a:t> dolor, sit </a:t>
            </a:r>
            <a:r>
              <a:rPr lang="en-US" dirty="0" err="1"/>
              <a:t>amet</a:t>
            </a:r>
            <a:r>
              <a:rPr lang="en-US" dirty="0"/>
              <a:t> </a:t>
            </a:r>
            <a:r>
              <a:rPr lang="en-US" dirty="0" err="1"/>
              <a:t>finibus</a:t>
            </a:r>
            <a:r>
              <a:rPr lang="en-US" dirty="0"/>
              <a:t> </a:t>
            </a:r>
            <a:r>
              <a:rPr lang="en-US" dirty="0" err="1"/>
              <a:t>augue</a:t>
            </a:r>
            <a:r>
              <a:rPr lang="en-US" dirty="0"/>
              <a:t> </a:t>
            </a:r>
            <a:r>
              <a:rPr lang="en-US" dirty="0" err="1"/>
              <a:t>velit</a:t>
            </a:r>
            <a:r>
              <a:rPr lang="en-US" dirty="0"/>
              <a:t> in mi. In </a:t>
            </a:r>
            <a:r>
              <a:rPr lang="en-US" dirty="0" err="1"/>
              <a:t>elit</a:t>
            </a:r>
            <a:r>
              <a:rPr lang="en-US" dirty="0"/>
              <a:t> </a:t>
            </a:r>
            <a:r>
              <a:rPr lang="en-US" dirty="0" err="1"/>
              <a:t>nunc</a:t>
            </a:r>
            <a:r>
              <a:rPr lang="en-US" dirty="0"/>
              <a:t>, </a:t>
            </a:r>
            <a:r>
              <a:rPr lang="en-US" dirty="0" err="1"/>
              <a:t>ultricies</a:t>
            </a:r>
            <a:r>
              <a:rPr lang="en-US" dirty="0"/>
              <a:t> vel </a:t>
            </a:r>
            <a:r>
              <a:rPr lang="en-US" dirty="0" err="1"/>
              <a:t>posuere</a:t>
            </a:r>
            <a:r>
              <a:rPr lang="en-US" dirty="0"/>
              <a:t> vitae, </a:t>
            </a:r>
            <a:r>
              <a:rPr lang="en-US" dirty="0" err="1"/>
              <a:t>mollis</a:t>
            </a:r>
            <a:r>
              <a:rPr lang="en-US" dirty="0"/>
              <a:t> at </a:t>
            </a:r>
            <a:r>
              <a:rPr lang="en-US" dirty="0" err="1"/>
              <a:t>purus</a:t>
            </a:r>
            <a:r>
              <a:rPr lang="en-US" dirty="0"/>
              <a:t>.</a:t>
            </a:r>
          </a:p>
        </p:txBody>
      </p:sp>
      <p:sp>
        <p:nvSpPr>
          <p:cNvPr id="38" name="Text Placeholder 50">
            <a:extLst>
              <a:ext uri="{FF2B5EF4-FFF2-40B4-BE49-F238E27FC236}">
                <a16:creationId xmlns:a16="http://schemas.microsoft.com/office/drawing/2014/main" id="{B62FA3EA-D424-534F-878F-F70750E6028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3838" y="2832914"/>
            <a:ext cx="4041775" cy="903287"/>
          </a:xfrm>
        </p:spPr>
        <p:txBody>
          <a:bodyPr/>
          <a:lstStyle>
            <a:lvl1pPr algn="ctr">
              <a:lnSpc>
                <a:spcPct val="100000"/>
              </a:lnSpc>
              <a:defRPr sz="2400" b="1" i="0">
                <a:solidFill>
                  <a:schemeClr val="tx1"/>
                </a:solidFill>
                <a:latin typeface="PolySans Bulky" pitchFamily="2" charset="77"/>
              </a:defRPr>
            </a:lvl1pPr>
          </a:lstStyle>
          <a:p>
            <a:pPr lvl="0"/>
            <a:r>
              <a:rPr lang="en-US" dirty="0"/>
              <a:t>Lorem Ipsum</a:t>
            </a:r>
            <a:br>
              <a:rPr lang="en-US" dirty="0"/>
            </a:br>
            <a:r>
              <a:rPr lang="en-US" dirty="0"/>
              <a:t>title here</a:t>
            </a:r>
          </a:p>
        </p:txBody>
      </p:sp>
    </p:spTree>
    <p:extLst>
      <p:ext uri="{BB962C8B-B14F-4D97-AF65-F5344CB8AC3E}">
        <p14:creationId xmlns:p14="http://schemas.microsoft.com/office/powerpoint/2010/main" val="44445909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5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9D0FE00-3F6E-F786-E4A2-087F2D0006D9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-1" y="0"/>
            <a:ext cx="4039565" cy="6858000"/>
          </a:xfrm>
          <a:prstGeom prst="rect">
            <a:avLst/>
          </a:prstGeom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F9E2B5CD-14A6-BA1C-9E06-38BDB3EF9275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4078148" y="0"/>
            <a:ext cx="4039565" cy="6858000"/>
          </a:xfrm>
          <a:prstGeom prst="rect">
            <a:avLst/>
          </a:prstGeom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9" name="Picture Placeholder 4">
            <a:extLst>
              <a:ext uri="{FF2B5EF4-FFF2-40B4-BE49-F238E27FC236}">
                <a16:creationId xmlns:a16="http://schemas.microsoft.com/office/drawing/2014/main" id="{BDDB41DA-AEAA-A1B4-E8A7-A7F647A74F49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8152438" y="0"/>
            <a:ext cx="4039565" cy="6858000"/>
          </a:xfrm>
          <a:prstGeom prst="rect">
            <a:avLst/>
          </a:prstGeom>
        </p:spPr>
        <p:txBody>
          <a:bodyPr/>
          <a:lstStyle>
            <a:lvl1pPr>
              <a:defRPr b="0" i="0">
                <a:latin typeface="PolySans Slim" pitchFamily="2" charset="77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0" name="Rectangle 42">
            <a:extLst>
              <a:ext uri="{FF2B5EF4-FFF2-40B4-BE49-F238E27FC236}">
                <a16:creationId xmlns:a16="http://schemas.microsoft.com/office/drawing/2014/main" id="{9F4E2073-5518-B810-45C9-9F6344F63D71}"/>
              </a:ext>
            </a:extLst>
          </p:cNvPr>
          <p:cNvSpPr/>
          <p:nvPr userDrawn="1"/>
        </p:nvSpPr>
        <p:spPr>
          <a:xfrm>
            <a:off x="-1" y="4986806"/>
            <a:ext cx="4064000" cy="1871195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162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1" name="Rectangle 42">
            <a:extLst>
              <a:ext uri="{FF2B5EF4-FFF2-40B4-BE49-F238E27FC236}">
                <a16:creationId xmlns:a16="http://schemas.microsoft.com/office/drawing/2014/main" id="{09BE2E06-D6D5-9B36-1EF3-3A45554565F0}"/>
              </a:ext>
            </a:extLst>
          </p:cNvPr>
          <p:cNvSpPr/>
          <p:nvPr userDrawn="1"/>
        </p:nvSpPr>
        <p:spPr>
          <a:xfrm>
            <a:off x="-1" y="-2"/>
            <a:ext cx="4064000" cy="2934214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54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2" name="Rectangle 42">
            <a:extLst>
              <a:ext uri="{FF2B5EF4-FFF2-40B4-BE49-F238E27FC236}">
                <a16:creationId xmlns:a16="http://schemas.microsoft.com/office/drawing/2014/main" id="{55CC12F8-867E-9239-75A6-23F4B8E420DA}"/>
              </a:ext>
            </a:extLst>
          </p:cNvPr>
          <p:cNvSpPr/>
          <p:nvPr userDrawn="1"/>
        </p:nvSpPr>
        <p:spPr>
          <a:xfrm>
            <a:off x="4070351" y="4986806"/>
            <a:ext cx="4063999" cy="1871195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162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3" name="Rectangle 42">
            <a:extLst>
              <a:ext uri="{FF2B5EF4-FFF2-40B4-BE49-F238E27FC236}">
                <a16:creationId xmlns:a16="http://schemas.microsoft.com/office/drawing/2014/main" id="{C1D28C96-F679-8FED-9E8D-0C492F9E37B9}"/>
              </a:ext>
            </a:extLst>
          </p:cNvPr>
          <p:cNvSpPr/>
          <p:nvPr userDrawn="1"/>
        </p:nvSpPr>
        <p:spPr>
          <a:xfrm>
            <a:off x="4070351" y="-2"/>
            <a:ext cx="4063999" cy="2934214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54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6" name="Rectangle 42">
            <a:extLst>
              <a:ext uri="{FF2B5EF4-FFF2-40B4-BE49-F238E27FC236}">
                <a16:creationId xmlns:a16="http://schemas.microsoft.com/office/drawing/2014/main" id="{2A6899D2-16BE-4350-345B-DC1446B602A6}"/>
              </a:ext>
            </a:extLst>
          </p:cNvPr>
          <p:cNvSpPr/>
          <p:nvPr userDrawn="1"/>
        </p:nvSpPr>
        <p:spPr>
          <a:xfrm>
            <a:off x="8134350" y="4986806"/>
            <a:ext cx="4063999" cy="1871195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162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7" name="Rectangle 42">
            <a:extLst>
              <a:ext uri="{FF2B5EF4-FFF2-40B4-BE49-F238E27FC236}">
                <a16:creationId xmlns:a16="http://schemas.microsoft.com/office/drawing/2014/main" id="{1A8B9CB2-5BEF-1302-C6CA-17FB907E6B9D}"/>
              </a:ext>
            </a:extLst>
          </p:cNvPr>
          <p:cNvSpPr/>
          <p:nvPr userDrawn="1"/>
        </p:nvSpPr>
        <p:spPr>
          <a:xfrm>
            <a:off x="8134350" y="-2"/>
            <a:ext cx="4063999" cy="2934214"/>
          </a:xfrm>
          <a:prstGeom prst="rect">
            <a:avLst/>
          </a:prstGeom>
          <a:gradFill>
            <a:gsLst>
              <a:gs pos="0">
                <a:srgbClr val="000000">
                  <a:alpha val="87139"/>
                </a:srgbClr>
              </a:gs>
              <a:gs pos="100000">
                <a:srgbClr val="000000">
                  <a:alpha val="0"/>
                </a:srgbClr>
              </a:gs>
            </a:gsLst>
            <a:lin ang="5400000"/>
          </a:gradFill>
          <a:ln w="12700">
            <a:miter lim="400000"/>
          </a:ln>
        </p:spPr>
        <p:txBody>
          <a:bodyPr lIns="45719" rIns="45719" anchor="ctr"/>
          <a:lstStyle/>
          <a:p>
            <a:pPr algn="ctr">
              <a:defRPr sz="1200">
                <a:solidFill>
                  <a:srgbClr val="FFFFFF"/>
                </a:solidFill>
              </a:defRPr>
            </a:pPr>
            <a:endParaRPr b="0" i="0" dirty="0">
              <a:latin typeface="PolySans Slim" pitchFamily="2" charset="77"/>
            </a:endParaRPr>
          </a:p>
        </p:txBody>
      </p:sp>
      <p:sp>
        <p:nvSpPr>
          <p:cNvPr id="19" name="Straight Connector 17">
            <a:extLst>
              <a:ext uri="{FF2B5EF4-FFF2-40B4-BE49-F238E27FC236}">
                <a16:creationId xmlns:a16="http://schemas.microsoft.com/office/drawing/2014/main" id="{34ED11C6-6FE5-A0F6-C33A-AEF91FFD33DD}"/>
              </a:ext>
            </a:extLst>
          </p:cNvPr>
          <p:cNvSpPr/>
          <p:nvPr userDrawn="1"/>
        </p:nvSpPr>
        <p:spPr>
          <a:xfrm flipH="1">
            <a:off x="4063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0" name="Straight Connector 20">
            <a:extLst>
              <a:ext uri="{FF2B5EF4-FFF2-40B4-BE49-F238E27FC236}">
                <a16:creationId xmlns:a16="http://schemas.microsoft.com/office/drawing/2014/main" id="{C8EA44E3-45C7-69BC-6255-9B54879D3B29}"/>
              </a:ext>
            </a:extLst>
          </p:cNvPr>
          <p:cNvSpPr/>
          <p:nvPr userDrawn="1"/>
        </p:nvSpPr>
        <p:spPr>
          <a:xfrm flipH="1">
            <a:off x="8127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1" name="Title 6">
            <a:extLst>
              <a:ext uri="{FF2B5EF4-FFF2-40B4-BE49-F238E27FC236}">
                <a16:creationId xmlns:a16="http://schemas.microsoft.com/office/drawing/2014/main" id="{BFA668C7-D086-4130-8503-41C0AF52CD76}"/>
              </a:ext>
            </a:extLst>
          </p:cNvPr>
          <p:cNvSpPr txBox="1"/>
          <p:nvPr userDrawn="1"/>
        </p:nvSpPr>
        <p:spPr>
          <a:xfrm>
            <a:off x="628651" y="654305"/>
            <a:ext cx="2806701" cy="74789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>
            <a:lvl1pPr algn="ctr">
              <a:lnSpc>
                <a:spcPct val="90000"/>
              </a:lnSpc>
              <a:defRPr sz="5400">
                <a:solidFill>
                  <a:srgbClr val="FFFFFF"/>
                </a:solidFill>
                <a:latin typeface="Raleway ExtraBold"/>
                <a:ea typeface="Raleway ExtraBold"/>
                <a:cs typeface="Raleway ExtraBold"/>
                <a:sym typeface="Raleway ExtraBold"/>
              </a:defRPr>
            </a:lvl1pPr>
          </a:lstStyle>
          <a:p>
            <a:r>
              <a:rPr b="1" i="0" dirty="0">
                <a:latin typeface="PolySans Bulky" pitchFamily="2" charset="77"/>
              </a:rPr>
              <a:t>01</a:t>
            </a:r>
          </a:p>
        </p:txBody>
      </p:sp>
      <p:sp>
        <p:nvSpPr>
          <p:cNvPr id="22" name="Title 6">
            <a:extLst>
              <a:ext uri="{FF2B5EF4-FFF2-40B4-BE49-F238E27FC236}">
                <a16:creationId xmlns:a16="http://schemas.microsoft.com/office/drawing/2014/main" id="{DA208D09-A81A-F32C-8280-2BC95489793F}"/>
              </a:ext>
            </a:extLst>
          </p:cNvPr>
          <p:cNvSpPr txBox="1"/>
          <p:nvPr userDrawn="1"/>
        </p:nvSpPr>
        <p:spPr>
          <a:xfrm>
            <a:off x="4692651" y="654305"/>
            <a:ext cx="2806701" cy="74789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>
            <a:lvl1pPr algn="ctr">
              <a:lnSpc>
                <a:spcPct val="90000"/>
              </a:lnSpc>
              <a:defRPr sz="5400">
                <a:solidFill>
                  <a:srgbClr val="FFFFFF"/>
                </a:solidFill>
                <a:latin typeface="Raleway ExtraBold"/>
                <a:ea typeface="Raleway ExtraBold"/>
                <a:cs typeface="Raleway ExtraBold"/>
                <a:sym typeface="Raleway ExtraBold"/>
              </a:defRPr>
            </a:lvl1pPr>
          </a:lstStyle>
          <a:p>
            <a:r>
              <a:rPr b="1" i="0" dirty="0">
                <a:latin typeface="PolySans Bulky" pitchFamily="2" charset="77"/>
              </a:rPr>
              <a:t>02</a:t>
            </a:r>
          </a:p>
        </p:txBody>
      </p:sp>
      <p:sp>
        <p:nvSpPr>
          <p:cNvPr id="23" name="Title 6">
            <a:extLst>
              <a:ext uri="{FF2B5EF4-FFF2-40B4-BE49-F238E27FC236}">
                <a16:creationId xmlns:a16="http://schemas.microsoft.com/office/drawing/2014/main" id="{49AE8E27-DD82-5112-4391-7EBBEEC60509}"/>
              </a:ext>
            </a:extLst>
          </p:cNvPr>
          <p:cNvSpPr txBox="1"/>
          <p:nvPr userDrawn="1"/>
        </p:nvSpPr>
        <p:spPr>
          <a:xfrm>
            <a:off x="8756650" y="654305"/>
            <a:ext cx="2806701" cy="74789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0" tIns="0" rIns="0" bIns="0">
            <a:spAutoFit/>
          </a:bodyPr>
          <a:lstStyle>
            <a:lvl1pPr algn="ctr">
              <a:lnSpc>
                <a:spcPct val="90000"/>
              </a:lnSpc>
              <a:defRPr sz="5400">
                <a:solidFill>
                  <a:srgbClr val="FFFFFF"/>
                </a:solidFill>
                <a:latin typeface="Raleway ExtraBold"/>
                <a:ea typeface="Raleway ExtraBold"/>
                <a:cs typeface="Raleway ExtraBold"/>
                <a:sym typeface="Raleway ExtraBold"/>
              </a:defRPr>
            </a:lvl1pPr>
          </a:lstStyle>
          <a:p>
            <a:r>
              <a:rPr b="1" i="0" dirty="0">
                <a:latin typeface="PolySans Bulky" pitchFamily="2" charset="77"/>
              </a:rPr>
              <a:t>03</a:t>
            </a:r>
          </a:p>
        </p:txBody>
      </p:sp>
      <p:sp>
        <p:nvSpPr>
          <p:cNvPr id="24" name="Straight Connector 17">
            <a:extLst>
              <a:ext uri="{FF2B5EF4-FFF2-40B4-BE49-F238E27FC236}">
                <a16:creationId xmlns:a16="http://schemas.microsoft.com/office/drawing/2014/main" id="{E53B294F-5312-B966-1C72-BE5B40AD1A2D}"/>
              </a:ext>
            </a:extLst>
          </p:cNvPr>
          <p:cNvSpPr/>
          <p:nvPr userDrawn="1"/>
        </p:nvSpPr>
        <p:spPr>
          <a:xfrm flipH="1">
            <a:off x="4063999" y="0"/>
            <a:ext cx="1" cy="6858000"/>
          </a:xfrm>
          <a:prstGeom prst="line">
            <a:avLst/>
          </a:prstGeom>
          <a:ln w="12700">
            <a:solidFill>
              <a:srgbClr val="F2F2F2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5" name="Line">
            <a:extLst>
              <a:ext uri="{FF2B5EF4-FFF2-40B4-BE49-F238E27FC236}">
                <a16:creationId xmlns:a16="http://schemas.microsoft.com/office/drawing/2014/main" id="{4926551C-160F-A7F1-B446-EACFD24A671C}"/>
              </a:ext>
            </a:extLst>
          </p:cNvPr>
          <p:cNvSpPr/>
          <p:nvPr userDrawn="1"/>
        </p:nvSpPr>
        <p:spPr>
          <a:xfrm flipV="1">
            <a:off x="8144192" y="-1"/>
            <a:ext cx="1" cy="6858002"/>
          </a:xfrm>
          <a:prstGeom prst="line">
            <a:avLst/>
          </a:prstGeom>
          <a:ln w="10795">
            <a:solidFill>
              <a:srgbClr val="FFFFFF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6" name="Line">
            <a:extLst>
              <a:ext uri="{FF2B5EF4-FFF2-40B4-BE49-F238E27FC236}">
                <a16:creationId xmlns:a16="http://schemas.microsoft.com/office/drawing/2014/main" id="{FBA22E6B-8FD3-8DC2-6361-E6D38D9259AB}"/>
              </a:ext>
            </a:extLst>
          </p:cNvPr>
          <p:cNvSpPr/>
          <p:nvPr userDrawn="1"/>
        </p:nvSpPr>
        <p:spPr>
          <a:xfrm flipV="1">
            <a:off x="4075750" y="-1"/>
            <a:ext cx="1" cy="6858002"/>
          </a:xfrm>
          <a:prstGeom prst="line">
            <a:avLst/>
          </a:prstGeom>
          <a:ln w="10795">
            <a:solidFill>
              <a:srgbClr val="FFFFFF"/>
            </a:solidFill>
          </a:ln>
        </p:spPr>
        <p:txBody>
          <a:bodyPr lIns="45719" rIns="45719"/>
          <a:lstStyle/>
          <a:p>
            <a:endParaRPr b="0" i="0" dirty="0">
              <a:latin typeface="PolySans Slim" pitchFamily="2" charset="77"/>
            </a:endParaRPr>
          </a:p>
        </p:txBody>
      </p:sp>
      <p:sp>
        <p:nvSpPr>
          <p:cNvPr id="27" name="Shape">
            <a:extLst>
              <a:ext uri="{FF2B5EF4-FFF2-40B4-BE49-F238E27FC236}">
                <a16:creationId xmlns:a16="http://schemas.microsoft.com/office/drawing/2014/main" id="{1D394073-1B11-19A3-6720-262B3DA6C5E0}"/>
              </a:ext>
            </a:extLst>
          </p:cNvPr>
          <p:cNvSpPr/>
          <p:nvPr userDrawn="1"/>
        </p:nvSpPr>
        <p:spPr>
          <a:xfrm rot="16200000" flipH="1">
            <a:off x="-1" y="5089886"/>
            <a:ext cx="1768115" cy="1768115"/>
          </a:xfrm>
          <a:custGeom>
            <a:avLst/>
            <a:gdLst/>
            <a:ahLst/>
            <a:cxnLst>
              <a:cxn ang="0">
                <a:pos x="wd2" y="hd2"/>
              </a:cxn>
              <a:cxn ang="5400000">
                <a:pos x="wd2" y="hd2"/>
              </a:cxn>
              <a:cxn ang="10800000">
                <a:pos x="wd2" y="hd2"/>
              </a:cxn>
              <a:cxn ang="16200000">
                <a:pos x="wd2" y="hd2"/>
              </a:cxn>
            </a:cxnLst>
            <a:rect l="0" t="0" r="r" b="b"/>
            <a:pathLst>
              <a:path w="21600" h="21600" extrusionOk="0">
                <a:moveTo>
                  <a:pt x="21600" y="0"/>
                </a:moveTo>
                <a:lnTo>
                  <a:pt x="21600" y="21600"/>
                </a:lnTo>
                <a:cubicBezTo>
                  <a:pt x="21600" y="15634"/>
                  <a:pt x="19183" y="10225"/>
                  <a:pt x="15270" y="6330"/>
                </a:cubicBezTo>
                <a:cubicBezTo>
                  <a:pt x="11356" y="2436"/>
                  <a:pt x="5966" y="0"/>
                  <a:pt x="0" y="0"/>
                </a:cubicBezTo>
                <a:lnTo>
                  <a:pt x="21600" y="0"/>
                </a:lnTo>
                <a:close/>
              </a:path>
            </a:pathLst>
          </a:custGeom>
          <a:solidFill>
            <a:schemeClr val="accent1"/>
          </a:solidFill>
          <a:ln w="12700">
            <a:miter lim="400000"/>
          </a:ln>
        </p:spPr>
        <p:txBody>
          <a:bodyPr lIns="38100" tIns="38100" rIns="38100" bIns="38100" anchor="ctr"/>
          <a:lstStyle/>
          <a:p>
            <a:pPr algn="ctr" defTabSz="457200">
              <a:defRPr sz="3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  <a:latin typeface="Gill Sans"/>
                <a:ea typeface="Gill Sans"/>
                <a:cs typeface="Gill Sans"/>
                <a:sym typeface="Gill Sans"/>
              </a:defRPr>
            </a:pPr>
            <a:endParaRPr b="0" i="0" dirty="0">
              <a:latin typeface="PolySans Slim" pitchFamily="2" charset="77"/>
            </a:endParaRPr>
          </a:p>
        </p:txBody>
      </p:sp>
    </p:spTree>
    <p:extLst>
      <p:ext uri="{BB962C8B-B14F-4D97-AF65-F5344CB8AC3E}">
        <p14:creationId xmlns:p14="http://schemas.microsoft.com/office/powerpoint/2010/main" val="336157131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3F2E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EEFBA1E-3AFC-034C-8A18-65E139AACD8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First level</a:t>
            </a:r>
          </a:p>
          <a:p>
            <a:pPr lvl="2"/>
            <a:r>
              <a:rPr lang="en-US" dirty="0"/>
              <a:t>Second level</a:t>
            </a:r>
          </a:p>
          <a:p>
            <a:pPr lvl="3"/>
            <a:r>
              <a:rPr lang="en-US" dirty="0"/>
              <a:t>Third level</a:t>
            </a:r>
          </a:p>
          <a:p>
            <a:pPr lvl="4"/>
            <a:r>
              <a:rPr lang="en-US" dirty="0"/>
              <a:t>Fourth level</a:t>
            </a:r>
          </a:p>
        </p:txBody>
      </p:sp>
      <p:sp>
        <p:nvSpPr>
          <p:cNvPr id="3" name="Title Placeholder 2">
            <a:extLst>
              <a:ext uri="{FF2B5EF4-FFF2-40B4-BE49-F238E27FC236}">
                <a16:creationId xmlns:a16="http://schemas.microsoft.com/office/drawing/2014/main" id="{1D00E035-25E0-0646-96F2-2136755331A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Insert title here</a:t>
            </a:r>
          </a:p>
        </p:txBody>
      </p:sp>
    </p:spTree>
    <p:extLst>
      <p:ext uri="{BB962C8B-B14F-4D97-AF65-F5344CB8AC3E}">
        <p14:creationId xmlns:p14="http://schemas.microsoft.com/office/powerpoint/2010/main" val="40684534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6" r:id="rId1"/>
    <p:sldLayoutId id="2147483708" r:id="rId2"/>
    <p:sldLayoutId id="2147483689" r:id="rId3"/>
    <p:sldLayoutId id="2147483690" r:id="rId4"/>
    <p:sldLayoutId id="2147483661" r:id="rId5"/>
    <p:sldLayoutId id="2147483662" r:id="rId6"/>
    <p:sldLayoutId id="2147483663" r:id="rId7"/>
    <p:sldLayoutId id="2147483664" r:id="rId8"/>
    <p:sldLayoutId id="2147483675" r:id="rId9"/>
    <p:sldLayoutId id="2147483666" r:id="rId10"/>
    <p:sldLayoutId id="2147483676" r:id="rId11"/>
    <p:sldLayoutId id="2147483677" r:id="rId12"/>
    <p:sldLayoutId id="2147483653" r:id="rId13"/>
    <p:sldLayoutId id="2147483692" r:id="rId14"/>
    <p:sldLayoutId id="2147483654" r:id="rId15"/>
    <p:sldLayoutId id="2147483655" r:id="rId16"/>
    <p:sldLayoutId id="2147483656" r:id="rId17"/>
    <p:sldLayoutId id="2147483691" r:id="rId18"/>
    <p:sldLayoutId id="2147483657" r:id="rId19"/>
    <p:sldLayoutId id="2147483658" r:id="rId20"/>
    <p:sldLayoutId id="2147483659" r:id="rId21"/>
    <p:sldLayoutId id="2147483680" r:id="rId22"/>
    <p:sldLayoutId id="2147483679" r:id="rId23"/>
    <p:sldLayoutId id="2147483693" r:id="rId24"/>
    <p:sldLayoutId id="2147483687" r:id="rId25"/>
    <p:sldLayoutId id="2147483709" r:id="rId26"/>
    <p:sldLayoutId id="2147483710" r:id="rId27"/>
    <p:sldLayoutId id="2147483660" r:id="rId28"/>
    <p:sldLayoutId id="2147483688" r:id="rId29"/>
    <p:sldLayoutId id="2147483667" r:id="rId30"/>
    <p:sldLayoutId id="2147483678" r:id="rId31"/>
    <p:sldLayoutId id="2147483668" r:id="rId32"/>
    <p:sldLayoutId id="2147483669" r:id="rId33"/>
    <p:sldLayoutId id="2147483670" r:id="rId34"/>
    <p:sldLayoutId id="2147483671" r:id="rId35"/>
    <p:sldLayoutId id="2147483672" r:id="rId36"/>
    <p:sldLayoutId id="2147483673" r:id="rId37"/>
    <p:sldLayoutId id="2147483674" r:id="rId38"/>
    <p:sldLayoutId id="2147483696" r:id="rId39"/>
    <p:sldLayoutId id="2147483711" r:id="rId40"/>
  </p:sldLayoutIdLst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3600" b="1" i="0" kern="1200">
          <a:solidFill>
            <a:schemeClr val="tx1"/>
          </a:solidFill>
          <a:latin typeface="PolySans Bulky" pitchFamily="2" charset="77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30000"/>
        </a:lnSpc>
        <a:spcBef>
          <a:spcPts val="1000"/>
        </a:spcBef>
        <a:buFontTx/>
        <a:buNone/>
        <a:defRPr sz="1200" b="0" i="0" kern="1200">
          <a:solidFill>
            <a:schemeClr val="tx1"/>
          </a:solidFill>
          <a:latin typeface="PolySans Slim" pitchFamily="2" charset="77"/>
          <a:ea typeface="+mn-ea"/>
          <a:cs typeface="+mn-cs"/>
        </a:defRPr>
      </a:lvl1pPr>
      <a:lvl2pPr marL="177800" indent="-171450" algn="l" defTabSz="914400" rtl="0" eaLnBrk="1" latinLnBrk="0" hangingPunct="1">
        <a:lnSpc>
          <a:spcPct val="130000"/>
        </a:lnSpc>
        <a:spcBef>
          <a:spcPts val="500"/>
        </a:spcBef>
        <a:spcAft>
          <a:spcPts val="600"/>
        </a:spcAft>
        <a:buFont typeface="Arial" panose="020B0604020202020204" pitchFamily="34" charset="0"/>
        <a:buChar char="•"/>
        <a:tabLst/>
        <a:defRPr sz="1200" b="0" i="0" kern="1200">
          <a:solidFill>
            <a:schemeClr val="tx1"/>
          </a:solidFill>
          <a:latin typeface="PolySans Slim" pitchFamily="2" charset="77"/>
          <a:ea typeface="+mn-ea"/>
          <a:cs typeface="+mn-cs"/>
        </a:defRPr>
      </a:lvl2pPr>
      <a:lvl3pPr marL="355600" indent="-177800" algn="l" defTabSz="914400" rtl="0" eaLnBrk="1" latinLnBrk="0" hangingPunct="1">
        <a:lnSpc>
          <a:spcPct val="130000"/>
        </a:lnSpc>
        <a:spcBef>
          <a:spcPts val="500"/>
        </a:spcBef>
        <a:spcAft>
          <a:spcPts val="600"/>
        </a:spcAft>
        <a:buSzPct val="75000"/>
        <a:buFont typeface="Courier New" panose="02070309020205020404" pitchFamily="49" charset="0"/>
        <a:buChar char="o"/>
        <a:tabLst/>
        <a:defRPr sz="1100" b="0" i="0" kern="1200">
          <a:solidFill>
            <a:schemeClr val="tx1"/>
          </a:solidFill>
          <a:latin typeface="PolySans Slim" pitchFamily="2" charset="77"/>
          <a:ea typeface="+mn-ea"/>
          <a:cs typeface="+mn-cs"/>
        </a:defRPr>
      </a:lvl3pPr>
      <a:lvl4pPr marL="533400" indent="-177800" algn="l" defTabSz="914400" rtl="0" eaLnBrk="1" latinLnBrk="0" hangingPunct="1">
        <a:lnSpc>
          <a:spcPct val="130000"/>
        </a:lnSpc>
        <a:spcBef>
          <a:spcPts val="500"/>
        </a:spcBef>
        <a:spcAft>
          <a:spcPts val="600"/>
        </a:spcAft>
        <a:buSzPct val="80000"/>
        <a:buFont typeface="Wingdings" pitchFamily="2" charset="2"/>
        <a:buChar char="§"/>
        <a:tabLst/>
        <a:defRPr sz="1000" b="0" i="0" kern="1200">
          <a:solidFill>
            <a:schemeClr val="tx1"/>
          </a:solidFill>
          <a:latin typeface="PolySans Slim" pitchFamily="2" charset="77"/>
          <a:ea typeface="+mn-ea"/>
          <a:cs typeface="+mn-cs"/>
        </a:defRPr>
      </a:lvl4pPr>
      <a:lvl5pPr marL="712788" indent="-179388" algn="l" defTabSz="914400" rtl="0" eaLnBrk="1" latinLnBrk="0" hangingPunct="1">
        <a:lnSpc>
          <a:spcPct val="130000"/>
        </a:lnSpc>
        <a:spcBef>
          <a:spcPts val="500"/>
        </a:spcBef>
        <a:spcAft>
          <a:spcPts val="600"/>
        </a:spcAft>
        <a:buSzPct val="80000"/>
        <a:buFont typeface="Wingdings" pitchFamily="2" charset="2"/>
        <a:buChar char="§"/>
        <a:tabLst/>
        <a:defRPr sz="900" b="0" i="0" kern="1200">
          <a:solidFill>
            <a:schemeClr val="tx1"/>
          </a:solidFill>
          <a:latin typeface="PolySans Slim" pitchFamily="2" charset="77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 userDrawn="1">
          <p15:clr>
            <a:srgbClr val="F26B43"/>
          </p15:clr>
        </p15:guide>
        <p15:guide id="2" pos="384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jpg"/><Relationship Id="rId1" Type="http://schemas.openxmlformats.org/officeDocument/2006/relationships/slideLayout" Target="../slideLayouts/slideLayout40.xml"/><Relationship Id="rId4" Type="http://schemas.openxmlformats.org/officeDocument/2006/relationships/image" Target="../media/image18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4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bject 2"/>
          <p:cNvSpPr/>
          <p:nvPr/>
        </p:nvSpPr>
        <p:spPr>
          <a:xfrm>
            <a:off x="0" y="0"/>
            <a:ext cx="12192000" cy="6350"/>
          </a:xfrm>
          <a:custGeom>
            <a:avLst/>
            <a:gdLst/>
            <a:ahLst/>
            <a:cxnLst/>
            <a:rect l="l" t="t" r="r" b="b"/>
            <a:pathLst>
              <a:path w="12192000" h="6350">
                <a:moveTo>
                  <a:pt x="0" y="6096"/>
                </a:moveTo>
                <a:lnTo>
                  <a:pt x="12192000" y="6096"/>
                </a:lnTo>
                <a:lnTo>
                  <a:pt x="12192000" y="0"/>
                </a:lnTo>
                <a:lnTo>
                  <a:pt x="0" y="0"/>
                </a:lnTo>
                <a:lnTo>
                  <a:pt x="0" y="6096"/>
                </a:lnTo>
                <a:close/>
              </a:path>
            </a:pathLst>
          </a:custGeom>
          <a:solidFill>
            <a:srgbClr val="0D251F"/>
          </a:solidFill>
        </p:spPr>
        <p:txBody>
          <a:bodyPr wrap="square" lIns="0" tIns="0" rIns="0" bIns="0" rtlCol="0"/>
          <a:lstStyle/>
          <a:p>
            <a:endParaRPr/>
          </a:p>
        </p:txBody>
      </p:sp>
      <p:sp>
        <p:nvSpPr>
          <p:cNvPr id="3" name="object 3"/>
          <p:cNvSpPr/>
          <p:nvPr/>
        </p:nvSpPr>
        <p:spPr>
          <a:xfrm>
            <a:off x="0" y="3422903"/>
            <a:ext cx="12192000" cy="3435350"/>
          </a:xfrm>
          <a:custGeom>
            <a:avLst/>
            <a:gdLst/>
            <a:ahLst/>
            <a:cxnLst/>
            <a:rect l="l" t="t" r="r" b="b"/>
            <a:pathLst>
              <a:path w="12192000" h="3435350">
                <a:moveTo>
                  <a:pt x="0" y="3435095"/>
                </a:moveTo>
                <a:lnTo>
                  <a:pt x="12192000" y="3435095"/>
                </a:lnTo>
                <a:lnTo>
                  <a:pt x="12192000" y="0"/>
                </a:lnTo>
                <a:lnTo>
                  <a:pt x="0" y="0"/>
                </a:lnTo>
                <a:lnTo>
                  <a:pt x="0" y="3435095"/>
                </a:lnTo>
                <a:close/>
              </a:path>
            </a:pathLst>
          </a:custGeom>
          <a:solidFill>
            <a:srgbClr val="0D251F"/>
          </a:solidFill>
        </p:spPr>
        <p:txBody>
          <a:bodyPr wrap="square" lIns="0" tIns="0" rIns="0" bIns="0" rtlCol="0"/>
          <a:lstStyle/>
          <a:p>
            <a:endParaRPr dirty="0"/>
          </a:p>
        </p:txBody>
      </p:sp>
      <p:sp>
        <p:nvSpPr>
          <p:cNvPr id="4" name="object 4"/>
          <p:cNvSpPr/>
          <p:nvPr/>
        </p:nvSpPr>
        <p:spPr>
          <a:xfrm>
            <a:off x="0" y="-1100"/>
            <a:ext cx="12186285" cy="3476113"/>
          </a:xfrm>
          <a:custGeom>
            <a:avLst/>
            <a:gdLst/>
            <a:ahLst/>
            <a:cxnLst/>
            <a:rect l="l" t="t" r="r" b="b"/>
            <a:pathLst>
              <a:path w="12186285" h="3416935">
                <a:moveTo>
                  <a:pt x="0" y="3416807"/>
                </a:moveTo>
                <a:lnTo>
                  <a:pt x="12185904" y="3416807"/>
                </a:lnTo>
                <a:lnTo>
                  <a:pt x="12185904" y="0"/>
                </a:lnTo>
                <a:lnTo>
                  <a:pt x="0" y="0"/>
                </a:lnTo>
                <a:lnTo>
                  <a:pt x="0" y="3416807"/>
                </a:lnTo>
                <a:close/>
              </a:path>
            </a:pathLst>
          </a:custGeom>
          <a:solidFill>
            <a:srgbClr val="F3F1EE"/>
          </a:solidFill>
        </p:spPr>
        <p:txBody>
          <a:bodyPr wrap="square" lIns="0" tIns="0" rIns="0" bIns="0" rtlCol="0"/>
          <a:lstStyle/>
          <a:p>
            <a:endParaRPr/>
          </a:p>
        </p:txBody>
      </p:sp>
      <p:sp>
        <p:nvSpPr>
          <p:cNvPr id="5" name="object 5"/>
          <p:cNvSpPr/>
          <p:nvPr/>
        </p:nvSpPr>
        <p:spPr>
          <a:xfrm>
            <a:off x="0" y="3748546"/>
            <a:ext cx="239395" cy="757555"/>
          </a:xfrm>
          <a:custGeom>
            <a:avLst/>
            <a:gdLst/>
            <a:ahLst/>
            <a:cxnLst/>
            <a:rect l="l" t="t" r="r" b="b"/>
            <a:pathLst>
              <a:path w="239395" h="757554">
                <a:moveTo>
                  <a:pt x="151447" y="0"/>
                </a:moveTo>
                <a:lnTo>
                  <a:pt x="0" y="0"/>
                </a:lnTo>
                <a:lnTo>
                  <a:pt x="0" y="757427"/>
                </a:lnTo>
                <a:lnTo>
                  <a:pt x="151447" y="757427"/>
                </a:lnTo>
                <a:lnTo>
                  <a:pt x="239268" y="378713"/>
                </a:lnTo>
                <a:lnTo>
                  <a:pt x="151447" y="0"/>
                </a:lnTo>
                <a:close/>
              </a:path>
            </a:pathLst>
          </a:custGeom>
          <a:solidFill>
            <a:srgbClr val="66CC00"/>
          </a:solidFill>
        </p:spPr>
        <p:txBody>
          <a:bodyPr wrap="square" lIns="0" tIns="0" rIns="0" bIns="0" rtlCol="0"/>
          <a:lstStyle/>
          <a:p>
            <a:endParaRPr/>
          </a:p>
        </p:txBody>
      </p:sp>
      <p:pic>
        <p:nvPicPr>
          <p:cNvPr id="16" name="Picture 15" descr="A construction site with cranes&#10;&#10;Description automatically generated">
            <a:extLst>
              <a:ext uri="{FF2B5EF4-FFF2-40B4-BE49-F238E27FC236}">
                <a16:creationId xmlns:a16="http://schemas.microsoft.com/office/drawing/2014/main" id="{08DAED10-DE6D-99B0-9DBA-F0786070DE4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00338" y="1103710"/>
            <a:ext cx="7065766" cy="4699000"/>
          </a:xfrm>
          <a:prstGeom prst="rect">
            <a:avLst/>
          </a:prstGeom>
        </p:spPr>
      </p:pic>
      <p:sp>
        <p:nvSpPr>
          <p:cNvPr id="12" name="object 12"/>
          <p:cNvSpPr/>
          <p:nvPr/>
        </p:nvSpPr>
        <p:spPr>
          <a:xfrm>
            <a:off x="10258355" y="900229"/>
            <a:ext cx="1767839" cy="1769745"/>
          </a:xfrm>
          <a:custGeom>
            <a:avLst/>
            <a:gdLst/>
            <a:ahLst/>
            <a:cxnLst/>
            <a:rect l="l" t="t" r="r" b="b"/>
            <a:pathLst>
              <a:path w="1767840" h="1769745">
                <a:moveTo>
                  <a:pt x="1767840" y="0"/>
                </a:moveTo>
                <a:lnTo>
                  <a:pt x="0" y="0"/>
                </a:lnTo>
                <a:lnTo>
                  <a:pt x="52135" y="759"/>
                </a:lnTo>
                <a:lnTo>
                  <a:pt x="103889" y="3024"/>
                </a:lnTo>
                <a:lnTo>
                  <a:pt x="155241" y="6772"/>
                </a:lnTo>
                <a:lnTo>
                  <a:pt x="206171" y="11982"/>
                </a:lnTo>
                <a:lnTo>
                  <a:pt x="256659" y="18630"/>
                </a:lnTo>
                <a:lnTo>
                  <a:pt x="306686" y="26697"/>
                </a:lnTo>
                <a:lnTo>
                  <a:pt x="356231" y="36159"/>
                </a:lnTo>
                <a:lnTo>
                  <a:pt x="405273" y="46995"/>
                </a:lnTo>
                <a:lnTo>
                  <a:pt x="453794" y="59183"/>
                </a:lnTo>
                <a:lnTo>
                  <a:pt x="501772" y="72701"/>
                </a:lnTo>
                <a:lnTo>
                  <a:pt x="549188" y="87527"/>
                </a:lnTo>
                <a:lnTo>
                  <a:pt x="596022" y="103639"/>
                </a:lnTo>
                <a:lnTo>
                  <a:pt x="642254" y="121016"/>
                </a:lnTo>
                <a:lnTo>
                  <a:pt x="687863" y="139636"/>
                </a:lnTo>
                <a:lnTo>
                  <a:pt x="732830" y="159476"/>
                </a:lnTo>
                <a:lnTo>
                  <a:pt x="777134" y="180516"/>
                </a:lnTo>
                <a:lnTo>
                  <a:pt x="820756" y="202732"/>
                </a:lnTo>
                <a:lnTo>
                  <a:pt x="863675" y="226104"/>
                </a:lnTo>
                <a:lnTo>
                  <a:pt x="905871" y="250608"/>
                </a:lnTo>
                <a:lnTo>
                  <a:pt x="947325" y="276225"/>
                </a:lnTo>
                <a:lnTo>
                  <a:pt x="988016" y="302930"/>
                </a:lnTo>
                <a:lnTo>
                  <a:pt x="1027924" y="330704"/>
                </a:lnTo>
                <a:lnTo>
                  <a:pt x="1067029" y="359523"/>
                </a:lnTo>
                <a:lnTo>
                  <a:pt x="1105310" y="389366"/>
                </a:lnTo>
                <a:lnTo>
                  <a:pt x="1142749" y="420211"/>
                </a:lnTo>
                <a:lnTo>
                  <a:pt x="1179325" y="452037"/>
                </a:lnTo>
                <a:lnTo>
                  <a:pt x="1215017" y="484820"/>
                </a:lnTo>
                <a:lnTo>
                  <a:pt x="1249807" y="518541"/>
                </a:lnTo>
                <a:lnTo>
                  <a:pt x="1283639" y="553193"/>
                </a:lnTo>
                <a:lnTo>
                  <a:pt x="1316514" y="588773"/>
                </a:lnTo>
                <a:lnTo>
                  <a:pt x="1348412" y="625261"/>
                </a:lnTo>
                <a:lnTo>
                  <a:pt x="1379313" y="662633"/>
                </a:lnTo>
                <a:lnTo>
                  <a:pt x="1409195" y="700869"/>
                </a:lnTo>
                <a:lnTo>
                  <a:pt x="1438037" y="739948"/>
                </a:lnTo>
                <a:lnTo>
                  <a:pt x="1465820" y="779847"/>
                </a:lnTo>
                <a:lnTo>
                  <a:pt x="1492522" y="820546"/>
                </a:lnTo>
                <a:lnTo>
                  <a:pt x="1518122" y="862023"/>
                </a:lnTo>
                <a:lnTo>
                  <a:pt x="1542601" y="904256"/>
                </a:lnTo>
                <a:lnTo>
                  <a:pt x="1565938" y="947224"/>
                </a:lnTo>
                <a:lnTo>
                  <a:pt x="1588111" y="990906"/>
                </a:lnTo>
                <a:lnTo>
                  <a:pt x="1609101" y="1035280"/>
                </a:lnTo>
                <a:lnTo>
                  <a:pt x="1628886" y="1080325"/>
                </a:lnTo>
                <a:lnTo>
                  <a:pt x="1647445" y="1126019"/>
                </a:lnTo>
                <a:lnTo>
                  <a:pt x="1664760" y="1172341"/>
                </a:lnTo>
                <a:lnTo>
                  <a:pt x="1680807" y="1219269"/>
                </a:lnTo>
                <a:lnTo>
                  <a:pt x="1695568" y="1266782"/>
                </a:lnTo>
                <a:lnTo>
                  <a:pt x="1709021" y="1314859"/>
                </a:lnTo>
                <a:lnTo>
                  <a:pt x="1721145" y="1363477"/>
                </a:lnTo>
                <a:lnTo>
                  <a:pt x="1731920" y="1412617"/>
                </a:lnTo>
                <a:lnTo>
                  <a:pt x="1741326" y="1462255"/>
                </a:lnTo>
                <a:lnTo>
                  <a:pt x="1749341" y="1512371"/>
                </a:lnTo>
                <a:lnTo>
                  <a:pt x="1755946" y="1562943"/>
                </a:lnTo>
                <a:lnTo>
                  <a:pt x="1761118" y="1613949"/>
                </a:lnTo>
                <a:lnTo>
                  <a:pt x="1764838" y="1665369"/>
                </a:lnTo>
                <a:lnTo>
                  <a:pt x="1767086" y="1717181"/>
                </a:lnTo>
                <a:lnTo>
                  <a:pt x="1767840" y="1769364"/>
                </a:lnTo>
                <a:lnTo>
                  <a:pt x="1767840" y="0"/>
                </a:lnTo>
                <a:close/>
              </a:path>
            </a:pathLst>
          </a:custGeom>
          <a:solidFill>
            <a:srgbClr val="66CC00"/>
          </a:solidFill>
        </p:spPr>
        <p:txBody>
          <a:bodyPr wrap="square" lIns="0" tIns="0" rIns="0" bIns="0" rtlCol="0"/>
          <a:lstStyle/>
          <a:p>
            <a:endParaRPr/>
          </a:p>
        </p:txBody>
      </p:sp>
      <p:sp>
        <p:nvSpPr>
          <p:cNvPr id="13" name="object 13"/>
          <p:cNvSpPr/>
          <p:nvPr/>
        </p:nvSpPr>
        <p:spPr>
          <a:xfrm>
            <a:off x="10258354" y="4200999"/>
            <a:ext cx="1767839" cy="1769745"/>
          </a:xfrm>
          <a:custGeom>
            <a:avLst/>
            <a:gdLst/>
            <a:ahLst/>
            <a:cxnLst/>
            <a:rect l="l" t="t" r="r" b="b"/>
            <a:pathLst>
              <a:path w="1767840" h="1769745">
                <a:moveTo>
                  <a:pt x="1767840" y="0"/>
                </a:moveTo>
                <a:lnTo>
                  <a:pt x="1767080" y="52176"/>
                </a:lnTo>
                <a:lnTo>
                  <a:pt x="1764817" y="103972"/>
                </a:lnTo>
                <a:lnTo>
                  <a:pt x="1761071" y="155367"/>
                </a:lnTo>
                <a:lnTo>
                  <a:pt x="1755866" y="206340"/>
                </a:lnTo>
                <a:lnTo>
                  <a:pt x="1749222" y="256873"/>
                </a:lnTo>
                <a:lnTo>
                  <a:pt x="1741161" y="306943"/>
                </a:lnTo>
                <a:lnTo>
                  <a:pt x="1731706" y="356532"/>
                </a:lnTo>
                <a:lnTo>
                  <a:pt x="1720878" y="405619"/>
                </a:lnTo>
                <a:lnTo>
                  <a:pt x="1708700" y="454184"/>
                </a:lnTo>
                <a:lnTo>
                  <a:pt x="1695193" y="502206"/>
                </a:lnTo>
                <a:lnTo>
                  <a:pt x="1680379" y="549666"/>
                </a:lnTo>
                <a:lnTo>
                  <a:pt x="1664280" y="596543"/>
                </a:lnTo>
                <a:lnTo>
                  <a:pt x="1646918" y="642817"/>
                </a:lnTo>
                <a:lnTo>
                  <a:pt x="1628314" y="688468"/>
                </a:lnTo>
                <a:lnTo>
                  <a:pt x="1608491" y="733476"/>
                </a:lnTo>
                <a:lnTo>
                  <a:pt x="1587471" y="777819"/>
                </a:lnTo>
                <a:lnTo>
                  <a:pt x="1565276" y="821480"/>
                </a:lnTo>
                <a:lnTo>
                  <a:pt x="1541927" y="864436"/>
                </a:lnTo>
                <a:lnTo>
                  <a:pt x="1517446" y="906668"/>
                </a:lnTo>
                <a:lnTo>
                  <a:pt x="1491855" y="948155"/>
                </a:lnTo>
                <a:lnTo>
                  <a:pt x="1465177" y="988878"/>
                </a:lnTo>
                <a:lnTo>
                  <a:pt x="1437432" y="1028817"/>
                </a:lnTo>
                <a:lnTo>
                  <a:pt x="1408644" y="1067950"/>
                </a:lnTo>
                <a:lnTo>
                  <a:pt x="1378833" y="1106258"/>
                </a:lnTo>
                <a:lnTo>
                  <a:pt x="1348022" y="1143721"/>
                </a:lnTo>
                <a:lnTo>
                  <a:pt x="1316233" y="1180318"/>
                </a:lnTo>
                <a:lnTo>
                  <a:pt x="1283487" y="1216030"/>
                </a:lnTo>
                <a:lnTo>
                  <a:pt x="1249807" y="1250835"/>
                </a:lnTo>
                <a:lnTo>
                  <a:pt x="1215182" y="1284706"/>
                </a:lnTo>
                <a:lnTo>
                  <a:pt x="1179630" y="1317618"/>
                </a:lnTo>
                <a:lnTo>
                  <a:pt x="1143172" y="1349551"/>
                </a:lnTo>
                <a:lnTo>
                  <a:pt x="1105830" y="1380485"/>
                </a:lnTo>
                <a:lnTo>
                  <a:pt x="1067625" y="1410398"/>
                </a:lnTo>
                <a:lnTo>
                  <a:pt x="1028579" y="1439270"/>
                </a:lnTo>
                <a:lnTo>
                  <a:pt x="988712" y="1467081"/>
                </a:lnTo>
                <a:lnTo>
                  <a:pt x="948047" y="1493810"/>
                </a:lnTo>
                <a:lnTo>
                  <a:pt x="906605" y="1519435"/>
                </a:lnTo>
                <a:lnTo>
                  <a:pt x="864406" y="1543938"/>
                </a:lnTo>
                <a:lnTo>
                  <a:pt x="821473" y="1567296"/>
                </a:lnTo>
                <a:lnTo>
                  <a:pt x="777827" y="1589489"/>
                </a:lnTo>
                <a:lnTo>
                  <a:pt x="733490" y="1610498"/>
                </a:lnTo>
                <a:lnTo>
                  <a:pt x="688482" y="1630300"/>
                </a:lnTo>
                <a:lnTo>
                  <a:pt x="642826" y="1648876"/>
                </a:lnTo>
                <a:lnTo>
                  <a:pt x="596542" y="1666205"/>
                </a:lnTo>
                <a:lnTo>
                  <a:pt x="549652" y="1682265"/>
                </a:lnTo>
                <a:lnTo>
                  <a:pt x="502178" y="1697038"/>
                </a:lnTo>
                <a:lnTo>
                  <a:pt x="454141" y="1710501"/>
                </a:lnTo>
                <a:lnTo>
                  <a:pt x="405562" y="1722635"/>
                </a:lnTo>
                <a:lnTo>
                  <a:pt x="356463" y="1733419"/>
                </a:lnTo>
                <a:lnTo>
                  <a:pt x="306865" y="1742831"/>
                </a:lnTo>
                <a:lnTo>
                  <a:pt x="256789" y="1750852"/>
                </a:lnTo>
                <a:lnTo>
                  <a:pt x="206257" y="1757461"/>
                </a:lnTo>
                <a:lnTo>
                  <a:pt x="155291" y="1762638"/>
                </a:lnTo>
                <a:lnTo>
                  <a:pt x="103912" y="1766360"/>
                </a:lnTo>
                <a:lnTo>
                  <a:pt x="52141" y="1768609"/>
                </a:lnTo>
                <a:lnTo>
                  <a:pt x="0" y="1769364"/>
                </a:lnTo>
                <a:lnTo>
                  <a:pt x="1767840" y="1769364"/>
                </a:lnTo>
                <a:lnTo>
                  <a:pt x="1767840" y="0"/>
                </a:lnTo>
                <a:close/>
              </a:path>
            </a:pathLst>
          </a:custGeom>
          <a:solidFill>
            <a:srgbClr val="66CC00"/>
          </a:solidFill>
        </p:spPr>
        <p:txBody>
          <a:bodyPr wrap="square" lIns="0" tIns="0" rIns="0" bIns="0" rtlCol="0"/>
          <a:lstStyle/>
          <a:p>
            <a:endParaRPr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A9D07BD9-840D-B81D-37CA-7A15B5EADC34}"/>
              </a:ext>
            </a:extLst>
          </p:cNvPr>
          <p:cNvSpPr txBox="1"/>
          <p:nvPr/>
        </p:nvSpPr>
        <p:spPr>
          <a:xfrm>
            <a:off x="86994" y="1435403"/>
            <a:ext cx="4556025" cy="193899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6000" dirty="0">
                <a:solidFill>
                  <a:srgbClr val="0D251F"/>
                </a:solidFill>
                <a:latin typeface="PolySans Bulky" panose="00000800000000000000" pitchFamily="50" charset="0"/>
              </a:rPr>
              <a:t>The Value of Hydro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DD67EE21-2686-9874-3868-E4EAEADF0FCE}"/>
              </a:ext>
            </a:extLst>
          </p:cNvPr>
          <p:cNvSpPr txBox="1"/>
          <p:nvPr/>
        </p:nvSpPr>
        <p:spPr>
          <a:xfrm>
            <a:off x="327384" y="3772370"/>
            <a:ext cx="4343400" cy="70788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2000" dirty="0">
                <a:solidFill>
                  <a:srgbClr val="F3F1EE"/>
                </a:solidFill>
                <a:latin typeface="PolySans Median Italic" panose="00000700000000000000" pitchFamily="50" charset="0"/>
              </a:rPr>
              <a:t>Supporting a clean energy grid, communities, and local economies </a:t>
            </a:r>
            <a:r>
              <a:rPr lang="en-US" sz="2000" dirty="0">
                <a:solidFill>
                  <a:schemeClr val="bg1"/>
                </a:solidFill>
                <a:latin typeface="PolySans Median Italic" panose="00000700000000000000" pitchFamily="50" charset="0"/>
              </a:rPr>
              <a:t> </a:t>
            </a:r>
          </a:p>
        </p:txBody>
      </p:sp>
      <p:pic>
        <p:nvPicPr>
          <p:cNvPr id="22" name="Picture 21" descr="A green logo with a black arrow&#10;&#10;Description automatically generated">
            <a:extLst>
              <a:ext uri="{FF2B5EF4-FFF2-40B4-BE49-F238E27FC236}">
                <a16:creationId xmlns:a16="http://schemas.microsoft.com/office/drawing/2014/main" id="{E133CC96-56D5-23C1-59AA-D725FE62F4E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9783" y="6248400"/>
            <a:ext cx="712006" cy="443683"/>
          </a:xfrm>
          <a:prstGeom prst="rect">
            <a:avLst/>
          </a:prstGeom>
        </p:spPr>
      </p:pic>
      <p:pic>
        <p:nvPicPr>
          <p:cNvPr id="26" name="Picture 25" descr="A blue and black logo&#10;&#10;Description automatically generated">
            <a:extLst>
              <a:ext uri="{FF2B5EF4-FFF2-40B4-BE49-F238E27FC236}">
                <a16:creationId xmlns:a16="http://schemas.microsoft.com/office/drawing/2014/main" id="{AA807FB8-A682-E98F-9C5E-C9F37221887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318402" y="6093265"/>
            <a:ext cx="2231455" cy="792444"/>
          </a:xfrm>
          <a:prstGeom prst="rect">
            <a:avLst/>
          </a:prstGeom>
        </p:spPr>
      </p:pic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4232F3FD-D38E-284A-9C2B-65B35DEAAC6B}"/>
              </a:ext>
            </a:extLst>
          </p:cNvPr>
          <p:cNvCxnSpPr>
            <a:cxnSpLocks/>
          </p:cNvCxnSpPr>
          <p:nvPr/>
        </p:nvCxnSpPr>
        <p:spPr>
          <a:xfrm>
            <a:off x="1143000" y="6188532"/>
            <a:ext cx="0" cy="560865"/>
          </a:xfrm>
          <a:prstGeom prst="line">
            <a:avLst/>
          </a:prstGeom>
          <a:ln w="19050">
            <a:solidFill>
              <a:srgbClr val="66CC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4" name="Picture 43">
            <a:extLst>
              <a:ext uri="{FF2B5EF4-FFF2-40B4-BE49-F238E27FC236}">
                <a16:creationId xmlns:a16="http://schemas.microsoft.com/office/drawing/2014/main" id="{D3345F09-A8BA-E927-52F0-E0EC3318F63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161963" y="0"/>
            <a:ext cx="8030037" cy="6858000"/>
          </a:xfrm>
          <a:prstGeom prst="rect">
            <a:avLst/>
          </a:prstGeom>
        </p:spPr>
      </p:pic>
      <p:sp>
        <p:nvSpPr>
          <p:cNvPr id="3" name="object 3"/>
          <p:cNvSpPr/>
          <p:nvPr/>
        </p:nvSpPr>
        <p:spPr>
          <a:xfrm>
            <a:off x="0" y="5090159"/>
            <a:ext cx="1767839" cy="1767839"/>
          </a:xfrm>
          <a:custGeom>
            <a:avLst/>
            <a:gdLst/>
            <a:ahLst/>
            <a:cxnLst/>
            <a:rect l="l" t="t" r="r" b="b"/>
            <a:pathLst>
              <a:path w="1767839" h="1767840">
                <a:moveTo>
                  <a:pt x="0" y="0"/>
                </a:moveTo>
                <a:lnTo>
                  <a:pt x="0" y="1767839"/>
                </a:lnTo>
                <a:lnTo>
                  <a:pt x="1767839" y="1767839"/>
                </a:lnTo>
                <a:lnTo>
                  <a:pt x="1715698" y="1767086"/>
                </a:lnTo>
                <a:lnTo>
                  <a:pt x="1663928" y="1764839"/>
                </a:lnTo>
                <a:lnTo>
                  <a:pt x="1612549" y="1761120"/>
                </a:lnTo>
                <a:lnTo>
                  <a:pt x="1561584" y="1755948"/>
                </a:lnTo>
                <a:lnTo>
                  <a:pt x="1511054" y="1749345"/>
                </a:lnTo>
                <a:lnTo>
                  <a:pt x="1460980" y="1741331"/>
                </a:lnTo>
                <a:lnTo>
                  <a:pt x="1411384" y="1731927"/>
                </a:lnTo>
                <a:lnTo>
                  <a:pt x="1362287" y="1721153"/>
                </a:lnTo>
                <a:lnTo>
                  <a:pt x="1313710" y="1709030"/>
                </a:lnTo>
                <a:lnTo>
                  <a:pt x="1265675" y="1695579"/>
                </a:lnTo>
                <a:lnTo>
                  <a:pt x="1218203" y="1680819"/>
                </a:lnTo>
                <a:lnTo>
                  <a:pt x="1171316" y="1664773"/>
                </a:lnTo>
                <a:lnTo>
                  <a:pt x="1125034" y="1647459"/>
                </a:lnTo>
                <a:lnTo>
                  <a:pt x="1079380" y="1628900"/>
                </a:lnTo>
                <a:lnTo>
                  <a:pt x="1034375" y="1609115"/>
                </a:lnTo>
                <a:lnTo>
                  <a:pt x="990040" y="1588125"/>
                </a:lnTo>
                <a:lnTo>
                  <a:pt x="946396" y="1565951"/>
                </a:lnTo>
                <a:lnTo>
                  <a:pt x="903465" y="1542614"/>
                </a:lnTo>
                <a:lnTo>
                  <a:pt x="861269" y="1518133"/>
                </a:lnTo>
                <a:lnTo>
                  <a:pt x="819828" y="1492530"/>
                </a:lnTo>
                <a:lnTo>
                  <a:pt x="779164" y="1465825"/>
                </a:lnTo>
                <a:lnTo>
                  <a:pt x="739299" y="1438039"/>
                </a:lnTo>
                <a:lnTo>
                  <a:pt x="700253" y="1409192"/>
                </a:lnTo>
                <a:lnTo>
                  <a:pt x="662049" y="1379305"/>
                </a:lnTo>
                <a:lnTo>
                  <a:pt x="624707" y="1348398"/>
                </a:lnTo>
                <a:lnTo>
                  <a:pt x="588249" y="1316493"/>
                </a:lnTo>
                <a:lnTo>
                  <a:pt x="552696" y="1283610"/>
                </a:lnTo>
                <a:lnTo>
                  <a:pt x="518071" y="1249768"/>
                </a:lnTo>
                <a:lnTo>
                  <a:pt x="484385" y="1214987"/>
                </a:lnTo>
                <a:lnTo>
                  <a:pt x="451635" y="1179301"/>
                </a:lnTo>
                <a:lnTo>
                  <a:pt x="419841" y="1142732"/>
                </a:lnTo>
                <a:lnTo>
                  <a:pt x="389026" y="1105298"/>
                </a:lnTo>
                <a:lnTo>
                  <a:pt x="359212" y="1067021"/>
                </a:lnTo>
                <a:lnTo>
                  <a:pt x="330420" y="1027920"/>
                </a:lnTo>
                <a:lnTo>
                  <a:pt x="302673" y="988016"/>
                </a:lnTo>
                <a:lnTo>
                  <a:pt x="275992" y="947328"/>
                </a:lnTo>
                <a:lnTo>
                  <a:pt x="250399" y="905877"/>
                </a:lnTo>
                <a:lnTo>
                  <a:pt x="225917" y="863682"/>
                </a:lnTo>
                <a:lnTo>
                  <a:pt x="202566" y="820764"/>
                </a:lnTo>
                <a:lnTo>
                  <a:pt x="180369" y="777143"/>
                </a:lnTo>
                <a:lnTo>
                  <a:pt x="159348" y="732839"/>
                </a:lnTo>
                <a:lnTo>
                  <a:pt x="139525" y="687873"/>
                </a:lnTo>
                <a:lnTo>
                  <a:pt x="120921" y="642263"/>
                </a:lnTo>
                <a:lnTo>
                  <a:pt x="103558" y="596031"/>
                </a:lnTo>
                <a:lnTo>
                  <a:pt x="87459" y="549197"/>
                </a:lnTo>
                <a:lnTo>
                  <a:pt x="72645" y="501780"/>
                </a:lnTo>
                <a:lnTo>
                  <a:pt x="59138" y="453800"/>
                </a:lnTo>
                <a:lnTo>
                  <a:pt x="46959" y="405279"/>
                </a:lnTo>
                <a:lnTo>
                  <a:pt x="36132" y="356235"/>
                </a:lnTo>
                <a:lnTo>
                  <a:pt x="26677" y="306690"/>
                </a:lnTo>
                <a:lnTo>
                  <a:pt x="18617" y="256662"/>
                </a:lnTo>
                <a:lnTo>
                  <a:pt x="11973" y="206173"/>
                </a:lnTo>
                <a:lnTo>
                  <a:pt x="6767" y="155242"/>
                </a:lnTo>
                <a:lnTo>
                  <a:pt x="3022" y="103889"/>
                </a:lnTo>
                <a:lnTo>
                  <a:pt x="759" y="52135"/>
                </a:lnTo>
                <a:lnTo>
                  <a:pt x="0" y="0"/>
                </a:lnTo>
                <a:close/>
              </a:path>
            </a:pathLst>
          </a:custGeom>
          <a:solidFill>
            <a:srgbClr val="66CC00"/>
          </a:solidFill>
        </p:spPr>
        <p:txBody>
          <a:bodyPr wrap="square" lIns="0" tIns="0" rIns="0" bIns="0" rtlCol="0"/>
          <a:lstStyle/>
          <a:p>
            <a:endParaRPr/>
          </a:p>
        </p:txBody>
      </p:sp>
      <p:sp>
        <p:nvSpPr>
          <p:cNvPr id="40" name="object 40"/>
          <p:cNvSpPr/>
          <p:nvPr/>
        </p:nvSpPr>
        <p:spPr>
          <a:xfrm>
            <a:off x="11186159" y="123444"/>
            <a:ext cx="441959" cy="443865"/>
          </a:xfrm>
          <a:custGeom>
            <a:avLst/>
            <a:gdLst/>
            <a:ahLst/>
            <a:cxnLst/>
            <a:rect l="l" t="t" r="r" b="b"/>
            <a:pathLst>
              <a:path w="441959" h="443865">
                <a:moveTo>
                  <a:pt x="441960" y="0"/>
                </a:moveTo>
                <a:lnTo>
                  <a:pt x="0" y="0"/>
                </a:lnTo>
                <a:lnTo>
                  <a:pt x="441960" y="443483"/>
                </a:lnTo>
                <a:lnTo>
                  <a:pt x="441960" y="0"/>
                </a:lnTo>
                <a:close/>
              </a:path>
            </a:pathLst>
          </a:custGeom>
          <a:solidFill>
            <a:srgbClr val="66CC00"/>
          </a:solidFill>
        </p:spPr>
        <p:txBody>
          <a:bodyPr wrap="square" lIns="0" tIns="0" rIns="0" bIns="0" rtlCol="0"/>
          <a:lstStyle/>
          <a:p>
            <a:endParaRPr/>
          </a:p>
        </p:txBody>
      </p:sp>
      <p:sp>
        <p:nvSpPr>
          <p:cNvPr id="41" name="object 41"/>
          <p:cNvSpPr/>
          <p:nvPr/>
        </p:nvSpPr>
        <p:spPr>
          <a:xfrm>
            <a:off x="11631168" y="121920"/>
            <a:ext cx="459105" cy="459105"/>
          </a:xfrm>
          <a:custGeom>
            <a:avLst/>
            <a:gdLst/>
            <a:ahLst/>
            <a:cxnLst/>
            <a:rect l="l" t="t" r="r" b="b"/>
            <a:pathLst>
              <a:path w="459104" h="459105">
                <a:moveTo>
                  <a:pt x="458724" y="0"/>
                </a:moveTo>
                <a:lnTo>
                  <a:pt x="0" y="0"/>
                </a:lnTo>
                <a:lnTo>
                  <a:pt x="458724" y="458724"/>
                </a:lnTo>
                <a:lnTo>
                  <a:pt x="458724" y="0"/>
                </a:lnTo>
                <a:close/>
              </a:path>
            </a:pathLst>
          </a:custGeom>
          <a:solidFill>
            <a:srgbClr val="C6E994"/>
          </a:solidFill>
        </p:spPr>
        <p:txBody>
          <a:bodyPr wrap="square" lIns="0" tIns="0" rIns="0" bIns="0" rtlCol="0"/>
          <a:lstStyle/>
          <a:p>
            <a:endParaRPr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79B39515-C006-B507-2F72-7226C4C2BD0F}"/>
              </a:ext>
            </a:extLst>
          </p:cNvPr>
          <p:cNvSpPr txBox="1"/>
          <p:nvPr/>
        </p:nvSpPr>
        <p:spPr>
          <a:xfrm>
            <a:off x="313864" y="567309"/>
            <a:ext cx="3848098" cy="175432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3600" dirty="0">
                <a:latin typeface="+mj-lt"/>
              </a:rPr>
              <a:t>Ontario’s untapped hydro potential</a:t>
            </a:r>
          </a:p>
        </p:txBody>
      </p:sp>
      <p:sp>
        <p:nvSpPr>
          <p:cNvPr id="46" name="object 3">
            <a:extLst>
              <a:ext uri="{FF2B5EF4-FFF2-40B4-BE49-F238E27FC236}">
                <a16:creationId xmlns:a16="http://schemas.microsoft.com/office/drawing/2014/main" id="{37FE4783-BBCB-F5F4-C49F-65C84D887221}"/>
              </a:ext>
            </a:extLst>
          </p:cNvPr>
          <p:cNvSpPr/>
          <p:nvPr/>
        </p:nvSpPr>
        <p:spPr>
          <a:xfrm rot="5400000">
            <a:off x="-1" y="0"/>
            <a:ext cx="1767839" cy="1767839"/>
          </a:xfrm>
          <a:custGeom>
            <a:avLst/>
            <a:gdLst/>
            <a:ahLst/>
            <a:cxnLst/>
            <a:rect l="l" t="t" r="r" b="b"/>
            <a:pathLst>
              <a:path w="1767839" h="1767840">
                <a:moveTo>
                  <a:pt x="0" y="0"/>
                </a:moveTo>
                <a:lnTo>
                  <a:pt x="0" y="1767839"/>
                </a:lnTo>
                <a:lnTo>
                  <a:pt x="1767839" y="1767839"/>
                </a:lnTo>
                <a:lnTo>
                  <a:pt x="1715698" y="1767086"/>
                </a:lnTo>
                <a:lnTo>
                  <a:pt x="1663928" y="1764839"/>
                </a:lnTo>
                <a:lnTo>
                  <a:pt x="1612549" y="1761120"/>
                </a:lnTo>
                <a:lnTo>
                  <a:pt x="1561584" y="1755948"/>
                </a:lnTo>
                <a:lnTo>
                  <a:pt x="1511054" y="1749345"/>
                </a:lnTo>
                <a:lnTo>
                  <a:pt x="1460980" y="1741331"/>
                </a:lnTo>
                <a:lnTo>
                  <a:pt x="1411384" y="1731927"/>
                </a:lnTo>
                <a:lnTo>
                  <a:pt x="1362287" y="1721153"/>
                </a:lnTo>
                <a:lnTo>
                  <a:pt x="1313710" y="1709030"/>
                </a:lnTo>
                <a:lnTo>
                  <a:pt x="1265675" y="1695579"/>
                </a:lnTo>
                <a:lnTo>
                  <a:pt x="1218203" y="1680819"/>
                </a:lnTo>
                <a:lnTo>
                  <a:pt x="1171316" y="1664773"/>
                </a:lnTo>
                <a:lnTo>
                  <a:pt x="1125034" y="1647459"/>
                </a:lnTo>
                <a:lnTo>
                  <a:pt x="1079380" y="1628900"/>
                </a:lnTo>
                <a:lnTo>
                  <a:pt x="1034375" y="1609115"/>
                </a:lnTo>
                <a:lnTo>
                  <a:pt x="990040" y="1588125"/>
                </a:lnTo>
                <a:lnTo>
                  <a:pt x="946396" y="1565951"/>
                </a:lnTo>
                <a:lnTo>
                  <a:pt x="903465" y="1542614"/>
                </a:lnTo>
                <a:lnTo>
                  <a:pt x="861269" y="1518133"/>
                </a:lnTo>
                <a:lnTo>
                  <a:pt x="819828" y="1492530"/>
                </a:lnTo>
                <a:lnTo>
                  <a:pt x="779164" y="1465825"/>
                </a:lnTo>
                <a:lnTo>
                  <a:pt x="739299" y="1438039"/>
                </a:lnTo>
                <a:lnTo>
                  <a:pt x="700253" y="1409192"/>
                </a:lnTo>
                <a:lnTo>
                  <a:pt x="662049" y="1379305"/>
                </a:lnTo>
                <a:lnTo>
                  <a:pt x="624707" y="1348398"/>
                </a:lnTo>
                <a:lnTo>
                  <a:pt x="588249" y="1316493"/>
                </a:lnTo>
                <a:lnTo>
                  <a:pt x="552696" y="1283610"/>
                </a:lnTo>
                <a:lnTo>
                  <a:pt x="518071" y="1249768"/>
                </a:lnTo>
                <a:lnTo>
                  <a:pt x="484385" y="1214987"/>
                </a:lnTo>
                <a:lnTo>
                  <a:pt x="451635" y="1179301"/>
                </a:lnTo>
                <a:lnTo>
                  <a:pt x="419841" y="1142732"/>
                </a:lnTo>
                <a:lnTo>
                  <a:pt x="389026" y="1105298"/>
                </a:lnTo>
                <a:lnTo>
                  <a:pt x="359212" y="1067021"/>
                </a:lnTo>
                <a:lnTo>
                  <a:pt x="330420" y="1027920"/>
                </a:lnTo>
                <a:lnTo>
                  <a:pt x="302673" y="988016"/>
                </a:lnTo>
                <a:lnTo>
                  <a:pt x="275992" y="947328"/>
                </a:lnTo>
                <a:lnTo>
                  <a:pt x="250399" y="905877"/>
                </a:lnTo>
                <a:lnTo>
                  <a:pt x="225917" y="863682"/>
                </a:lnTo>
                <a:lnTo>
                  <a:pt x="202566" y="820764"/>
                </a:lnTo>
                <a:lnTo>
                  <a:pt x="180369" y="777143"/>
                </a:lnTo>
                <a:lnTo>
                  <a:pt x="159348" y="732839"/>
                </a:lnTo>
                <a:lnTo>
                  <a:pt x="139525" y="687873"/>
                </a:lnTo>
                <a:lnTo>
                  <a:pt x="120921" y="642263"/>
                </a:lnTo>
                <a:lnTo>
                  <a:pt x="103558" y="596031"/>
                </a:lnTo>
                <a:lnTo>
                  <a:pt x="87459" y="549197"/>
                </a:lnTo>
                <a:lnTo>
                  <a:pt x="72645" y="501780"/>
                </a:lnTo>
                <a:lnTo>
                  <a:pt x="59138" y="453800"/>
                </a:lnTo>
                <a:lnTo>
                  <a:pt x="46959" y="405279"/>
                </a:lnTo>
                <a:lnTo>
                  <a:pt x="36132" y="356235"/>
                </a:lnTo>
                <a:lnTo>
                  <a:pt x="26677" y="306690"/>
                </a:lnTo>
                <a:lnTo>
                  <a:pt x="18617" y="256662"/>
                </a:lnTo>
                <a:lnTo>
                  <a:pt x="11973" y="206173"/>
                </a:lnTo>
                <a:lnTo>
                  <a:pt x="6767" y="155242"/>
                </a:lnTo>
                <a:lnTo>
                  <a:pt x="3022" y="103889"/>
                </a:lnTo>
                <a:lnTo>
                  <a:pt x="759" y="52135"/>
                </a:lnTo>
                <a:lnTo>
                  <a:pt x="0" y="0"/>
                </a:lnTo>
                <a:close/>
              </a:path>
            </a:pathLst>
          </a:custGeom>
          <a:solidFill>
            <a:srgbClr val="66CC00"/>
          </a:solidFill>
        </p:spPr>
        <p:txBody>
          <a:bodyPr wrap="square" lIns="0" tIns="0" rIns="0" bIns="0" rtlCol="0"/>
          <a:lstStyle/>
          <a:p>
            <a:endParaRPr/>
          </a:p>
        </p:txBody>
      </p:sp>
    </p:spTree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PG Brand">
      <a:dk1>
        <a:srgbClr val="0D261F"/>
      </a:dk1>
      <a:lt1>
        <a:srgbClr val="FFFFFF"/>
      </a:lt1>
      <a:dk2>
        <a:srgbClr val="0D261F"/>
      </a:dk2>
      <a:lt2>
        <a:srgbClr val="535353"/>
      </a:lt2>
      <a:accent1>
        <a:srgbClr val="66CC00"/>
      </a:accent1>
      <a:accent2>
        <a:srgbClr val="C7DE95"/>
      </a:accent2>
      <a:accent3>
        <a:srgbClr val="0B261F"/>
      </a:accent3>
      <a:accent4>
        <a:srgbClr val="002C3D"/>
      </a:accent4>
      <a:accent5>
        <a:srgbClr val="35CBFF"/>
      </a:accent5>
      <a:accent6>
        <a:srgbClr val="98DBF7"/>
      </a:accent6>
      <a:hlink>
        <a:srgbClr val="FD9838"/>
      </a:hlink>
      <a:folHlink>
        <a:srgbClr val="F9E25F"/>
      </a:folHlink>
    </a:clrScheme>
    <a:fontScheme name="OPG Brand Font Polysans">
      <a:majorFont>
        <a:latin typeface="PolySans Bulky"/>
        <a:ea typeface=""/>
        <a:cs typeface=""/>
      </a:majorFont>
      <a:minorFont>
        <a:latin typeface="PolySans Slim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PG013_PPT-TEMPLATE_05-2023" id="{C4A6199F-EA60-ED4B-A933-09F43A56A74B}" vid="{C1383B81-0F11-2C43-A94F-F5508FD07D6C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PG013_PPT-TEMPLATE BLANK_24.10.23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E890708B-EB51-4F08-AB41-CB0FD492DC8F}">
  <ds:schemaRefs/>
</ds:datastoreItem>
</file>

<file path=customXml/itemProps2.xml><?xml version="1.0" encoding="utf-8"?>
<ds:datastoreItem xmlns:ds="http://schemas.openxmlformats.org/officeDocument/2006/customXml" ds:itemID="{E8A5BC9B-A82F-45F2-A805-DC2DFAEC192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ffice Theme</Template>
  <TotalTime>11845</TotalTime>
  <Words>19</Words>
  <Application>Microsoft Office PowerPoint</Application>
  <PresentationFormat>Widescreen</PresentationFormat>
  <Paragraphs>3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10" baseType="lpstr">
      <vt:lpstr>Arial</vt:lpstr>
      <vt:lpstr>Calibri</vt:lpstr>
      <vt:lpstr>Courier New</vt:lpstr>
      <vt:lpstr>PolySans Bulky</vt:lpstr>
      <vt:lpstr>PolySans Median Italic</vt:lpstr>
      <vt:lpstr>PolySans Slim</vt:lpstr>
      <vt:lpstr>Wingdings</vt:lpstr>
      <vt:lpstr>Office Theme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Amanda Braun</dc:creator>
  <cp:lastModifiedBy>CANTIN Kate -STAREL</cp:lastModifiedBy>
  <cp:revision>195</cp:revision>
  <dcterms:created xsi:type="dcterms:W3CDTF">2024-01-19T15:53:21Z</dcterms:created>
  <dcterms:modified xsi:type="dcterms:W3CDTF">2024-04-23T14:11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de7afb16-bed2-47a7-a936-de53beb31938_Enabled">
    <vt:lpwstr>true</vt:lpwstr>
  </property>
  <property fmtid="{D5CDD505-2E9C-101B-9397-08002B2CF9AE}" pid="3" name="MSIP_Label_de7afb16-bed2-47a7-a936-de53beb31938_SetDate">
    <vt:lpwstr>2023-06-09T11:24:24Z</vt:lpwstr>
  </property>
  <property fmtid="{D5CDD505-2E9C-101B-9397-08002B2CF9AE}" pid="4" name="MSIP_Label_de7afb16-bed2-47a7-a936-de53beb31938_Method">
    <vt:lpwstr>Standard</vt:lpwstr>
  </property>
  <property fmtid="{D5CDD505-2E9C-101B-9397-08002B2CF9AE}" pid="5" name="MSIP_Label_de7afb16-bed2-47a7-a936-de53beb31938_Name">
    <vt:lpwstr>de7afb16-bed2-47a7-a936-de53beb31938</vt:lpwstr>
  </property>
  <property fmtid="{D5CDD505-2E9C-101B-9397-08002B2CF9AE}" pid="6" name="MSIP_Label_de7afb16-bed2-47a7-a936-de53beb31938_SiteId">
    <vt:lpwstr>962f21cf-93ea-449f-99bf-402e2b2987b2</vt:lpwstr>
  </property>
  <property fmtid="{D5CDD505-2E9C-101B-9397-08002B2CF9AE}" pid="7" name="MSIP_Label_de7afb16-bed2-47a7-a936-de53beb31938_ActionId">
    <vt:lpwstr>0a077dbc-626d-4296-be99-ecb3bb07f05e</vt:lpwstr>
  </property>
  <property fmtid="{D5CDD505-2E9C-101B-9397-08002B2CF9AE}" pid="8" name="MSIP_Label_de7afb16-bed2-47a7-a936-de53beb31938_ContentBits">
    <vt:lpwstr>0</vt:lpwstr>
  </property>
  <property fmtid="{D5CDD505-2E9C-101B-9397-08002B2CF9AE}" pid="9" name="TemplafyTimeStamp">
    <vt:lpwstr>2023-10-20T19:53:56</vt:lpwstr>
  </property>
  <property fmtid="{D5CDD505-2E9C-101B-9397-08002B2CF9AE}" pid="10" name="TemplafyTenantId">
    <vt:lpwstr>opg</vt:lpwstr>
  </property>
  <property fmtid="{D5CDD505-2E9C-101B-9397-08002B2CF9AE}" pid="11" name="TemplafyTemplateId">
    <vt:lpwstr>759113440710885380</vt:lpwstr>
  </property>
  <property fmtid="{D5CDD505-2E9C-101B-9397-08002B2CF9AE}" pid="12" name="TemplafyUserProfileId">
    <vt:lpwstr>767216489470886120</vt:lpwstr>
  </property>
  <property fmtid="{D5CDD505-2E9C-101B-9397-08002B2CF9AE}" pid="13" name="TemplafyFromBlank">
    <vt:bool>true</vt:bool>
  </property>
</Properties>
</file>